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notesMasterIdLst>
    <p:notesMasterId r:id="rId15"/>
  </p:notesMasterIdLst>
  <p:handoutMasterIdLst>
    <p:handoutMasterId r:id="rId16"/>
  </p:handoutMasterIdLst>
  <p:sldIdLst>
    <p:sldId id="256" r:id="rId6"/>
    <p:sldId id="288" r:id="rId7"/>
    <p:sldId id="289" r:id="rId8"/>
    <p:sldId id="290" r:id="rId9"/>
    <p:sldId id="291" r:id="rId10"/>
    <p:sldId id="292" r:id="rId11"/>
    <p:sldId id="295" r:id="rId12"/>
    <p:sldId id="296" r:id="rId13"/>
    <p:sldId id="294" r:id="rId14"/>
  </p:sldIdLst>
  <p:sldSz cx="12192000" cy="6858000"/>
  <p:notesSz cx="6858000" cy="9144000"/>
  <p:custDataLst>
    <p:tags r:id="rId17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33333"/>
    <a:srgbClr val="F8F8F8"/>
    <a:srgbClr val="67469C"/>
    <a:srgbClr val="83B1B3"/>
    <a:srgbClr val="912020"/>
    <a:srgbClr val="478228"/>
    <a:srgbClr val="D55800"/>
    <a:srgbClr val="200649"/>
    <a:srgbClr val="EBE4F3"/>
    <a:srgbClr val="502E9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660"/>
  </p:normalViewPr>
  <p:slideViewPr>
    <p:cSldViewPr snapToGrid="0" showGuides="1">
      <p:cViewPr varScale="1">
        <p:scale>
          <a:sx n="64" d="100"/>
          <a:sy n="64" d="100"/>
        </p:scale>
        <p:origin x="712" y="4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117" d="100"/>
          <a:sy n="117" d="100"/>
        </p:scale>
        <p:origin x="4176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5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F469F0A5-453C-BFC6-726A-C39B2BD69DF3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5A987DC-9655-780B-4E61-9E83DA14516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D8A5667-8301-49D0-80B4-F318A70114F3}" type="datetimeFigureOut">
              <a:rPr lang="en-GB" smtClean="0"/>
              <a:t>18/11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3547B3E-B866-51E8-5110-B236132F6CB7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A90735E-F930-1FCA-C6FE-D2264DC7C41E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B8184B5-BC8B-4DA7-B0A1-9D5F64D14EA9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7480320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A207983-F1D6-4521-B4DA-5714FDF81034}" type="datetimeFigureOut">
              <a:rPr lang="en-GB" smtClean="0"/>
              <a:t>18/11/2024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D14126E-58AC-43E5-9E39-268553037C5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11748586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6" Type="http://schemas.openxmlformats.org/officeDocument/2006/relationships/image" Target="../media/image6.svg"/><Relationship Id="rId5" Type="http://schemas.openxmlformats.org/officeDocument/2006/relationships/image" Target="../media/image5.png"/><Relationship Id="rId4" Type="http://schemas.openxmlformats.org/officeDocument/2006/relationships/image" Target="../media/image4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Relationship Id="rId4" Type="http://schemas.openxmlformats.org/officeDocument/2006/relationships/image" Target="../media/image2.svg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linkedin.com/search/results/all/?keywords=maximus%20uk&amp;origin=RICH_QUERY_SUGGESTION&amp;position=0&amp;searchId=ee22f5d2-1622-4119-8475-a94a281aafdc&amp;sid=bxW" TargetMode="External"/><Relationship Id="rId3" Type="http://schemas.openxmlformats.org/officeDocument/2006/relationships/image" Target="../media/image3.png"/><Relationship Id="rId7" Type="http://schemas.openxmlformats.org/officeDocument/2006/relationships/hyperlink" Target="https://www.youtube.com/channel/UCxwyV6yFeQuXSl3V1P3MnFw" TargetMode="External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Relationship Id="rId6" Type="http://schemas.openxmlformats.org/officeDocument/2006/relationships/image" Target="../media/image6.svg"/><Relationship Id="rId5" Type="http://schemas.openxmlformats.org/officeDocument/2006/relationships/image" Target="../media/image5.png"/><Relationship Id="rId10" Type="http://schemas.openxmlformats.org/officeDocument/2006/relationships/hyperlink" Target="https://www.maximusuk.co.uk/" TargetMode="External"/><Relationship Id="rId4" Type="http://schemas.openxmlformats.org/officeDocument/2006/relationships/image" Target="../media/image4.svg"/><Relationship Id="rId9" Type="http://schemas.openxmlformats.org/officeDocument/2006/relationships/hyperlink" Target="https://www.facebook.com/MaximusUnitedKingdom/" TargetMode="External"/></Relationships>
</file>

<file path=ppt/slideLayouts/_rels/slideLayout18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linkedin.com/search/results/all/?keywords=maximus%20uk&amp;origin=RICH_QUERY_SUGGESTION&amp;position=0&amp;searchId=ee22f5d2-1622-4119-8475-a94a281aafdc&amp;sid=bxW" TargetMode="External"/><Relationship Id="rId3" Type="http://schemas.openxmlformats.org/officeDocument/2006/relationships/image" Target="../media/image19.png"/><Relationship Id="rId7" Type="http://schemas.openxmlformats.org/officeDocument/2006/relationships/hyperlink" Target="https://www.youtube.com/channel/UCxwyV6yFeQuXSl3V1P3MnFw" TargetMode="External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10" Type="http://schemas.openxmlformats.org/officeDocument/2006/relationships/hyperlink" Target="https://www.maximusuk.co.uk/" TargetMode="External"/><Relationship Id="rId4" Type="http://schemas.openxmlformats.org/officeDocument/2006/relationships/image" Target="../media/image20.svg"/><Relationship Id="rId9" Type="http://schemas.openxmlformats.org/officeDocument/2006/relationships/hyperlink" Target="https://www.facebook.com/MaximusUnitedKingdom/" TargetMode="Externa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4" Type="http://schemas.openxmlformats.org/officeDocument/2006/relationships/image" Target="../media/image8.svg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Relationship Id="rId4" Type="http://schemas.openxmlformats.org/officeDocument/2006/relationships/image" Target="../media/image10.sv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Relationship Id="rId4" Type="http://schemas.openxmlformats.org/officeDocument/2006/relationships/image" Target="../media/image12.svg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Relationship Id="rId6" Type="http://schemas.openxmlformats.org/officeDocument/2006/relationships/image" Target="../media/image16.svg"/><Relationship Id="rId5" Type="http://schemas.openxmlformats.org/officeDocument/2006/relationships/image" Target="../media/image15.png"/><Relationship Id="rId4" Type="http://schemas.openxmlformats.org/officeDocument/2006/relationships/image" Target="../media/image14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Relationship Id="rId4" Type="http://schemas.openxmlformats.org/officeDocument/2006/relationships/image" Target="../media/image18.svg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Relationship Id="rId4" Type="http://schemas.openxmlformats.org/officeDocument/2006/relationships/image" Target="../media/image18.sv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_Purp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Graphic 13">
            <a:extLst>
              <a:ext uri="{FF2B5EF4-FFF2-40B4-BE49-F238E27FC236}">
                <a16:creationId xmlns:a16="http://schemas.microsoft.com/office/drawing/2014/main" id="{8E789F1E-0243-2609-6826-890AE7AE354E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r="20548"/>
          <a:stretch/>
        </p:blipFill>
        <p:spPr>
          <a:xfrm>
            <a:off x="6211542" y="0"/>
            <a:ext cx="599371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1D2D396A-2A5C-0123-9248-C9763FE2BED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89250" y="2741578"/>
            <a:ext cx="7254600" cy="1620000"/>
          </a:xfrm>
        </p:spPr>
        <p:txBody>
          <a:bodyPr anchor="t">
            <a:normAutofit/>
          </a:bodyPr>
          <a:lstStyle>
            <a:lvl1pPr algn="l"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372472D-2585-AB79-C518-1E480DCCA01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441181" y="6024875"/>
            <a:ext cx="1376992" cy="365125"/>
          </a:xfrm>
          <a:prstGeom prst="rect">
            <a:avLst/>
          </a:prstGeom>
        </p:spPr>
        <p:txBody>
          <a:bodyPr lIns="0" tIns="0" rIns="0" bIns="0" anchor="ctr"/>
          <a:lstStyle>
            <a:lvl1pPr algn="r">
              <a:defRPr sz="1400" b="1">
                <a:solidFill>
                  <a:srgbClr val="EBE4F3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E5EC1BA-F0E6-6DA7-0996-8D4C7267AAE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89250" y="6024875"/>
            <a:ext cx="2179680" cy="365125"/>
          </a:xfrm>
        </p:spPr>
        <p:txBody>
          <a:bodyPr/>
          <a:lstStyle/>
          <a:p>
            <a:r>
              <a:rPr lang="en-GB" dirty="0">
                <a:latin typeface="Avenir Next LT Pro" panose="020B0504020202020204" pitchFamily="34" charset="0"/>
              </a:rPr>
              <a:t>Transforming Lives.</a:t>
            </a:r>
          </a:p>
        </p:txBody>
      </p:sp>
      <p:sp>
        <p:nvSpPr>
          <p:cNvPr id="15" name="Guides">
            <a:extLst>
              <a:ext uri="{FF2B5EF4-FFF2-40B4-BE49-F238E27FC236}">
                <a16:creationId xmlns:a16="http://schemas.microsoft.com/office/drawing/2014/main" id="{B21D532F-78BB-F822-8B70-C4524278163B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354D7E2-25BB-7728-5FB7-F4092781E1A8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89250" y="1081860"/>
            <a:ext cx="3420000" cy="433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7229269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 11">
            <a:extLst>
              <a:ext uri="{FF2B5EF4-FFF2-40B4-BE49-F238E27FC236}">
                <a16:creationId xmlns:a16="http://schemas.microsoft.com/office/drawing/2014/main" id="{16951CB8-1714-2447-8949-16615C47FF63}"/>
              </a:ext>
            </a:extLst>
          </p:cNvPr>
          <p:cNvSpPr/>
          <p:nvPr userDrawn="1"/>
        </p:nvSpPr>
        <p:spPr>
          <a:xfrm>
            <a:off x="6096001" y="0"/>
            <a:ext cx="6095999" cy="6858000"/>
          </a:xfrm>
          <a:prstGeom prst="rect">
            <a:avLst/>
          </a:prstGeom>
          <a:solidFill>
            <a:srgbClr val="F4F4F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250BDB9-7AD8-9187-3D04-C0919CCC7482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31999" y="1061999"/>
            <a:ext cx="5311085" cy="50387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DEE9708-B034-DD3C-2396-1A99397D45E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438002" y="1061999"/>
            <a:ext cx="5321998" cy="50387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9DC0161B-95EF-06E2-0878-CCC4CC02FED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297142" y="324000"/>
            <a:ext cx="462858" cy="450000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FA6E2C5-A507-670A-94D2-34F6F63AA0F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05D83EA-A7E0-23D4-F5F4-ED23ED980D1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17" name="Guides" hidden="1">
            <a:extLst>
              <a:ext uri="{FF2B5EF4-FFF2-40B4-BE49-F238E27FC236}">
                <a16:creationId xmlns:a16="http://schemas.microsoft.com/office/drawing/2014/main" id="{4AA8FA66-0272-2715-F634-FE561716499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30DF950-FF2F-30A7-E6AB-29B9CAB3917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5311084" cy="450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082455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3843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79" userDrawn="1">
          <p15:clr>
            <a:srgbClr val="FF96FF"/>
          </p15:clr>
        </p15:guide>
        <p15:guide id="8" pos="7407" userDrawn="1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F9E8D761-AFBE-3D7B-6380-195A02047F6A}"/>
              </a:ext>
            </a:extLst>
          </p:cNvPr>
          <p:cNvSpPr>
            <a:spLocks/>
          </p:cNvSpPr>
          <p:nvPr userDrawn="1"/>
        </p:nvSpPr>
        <p:spPr>
          <a:xfrm>
            <a:off x="431999" y="1061998"/>
            <a:ext cx="5556001" cy="5040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solidFill>
                <a:schemeClr val="bg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AD298DD-0C6B-2545-31B4-45FE745EE35B}"/>
              </a:ext>
            </a:extLst>
          </p:cNvPr>
          <p:cNvSpPr>
            <a:spLocks/>
          </p:cNvSpPr>
          <p:nvPr userDrawn="1"/>
        </p:nvSpPr>
        <p:spPr>
          <a:xfrm>
            <a:off x="6204001" y="1061998"/>
            <a:ext cx="5556001" cy="5040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CCB2D98D-758B-FBB7-D7B6-CE53FFF2DC6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679312" y="2860606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Text Placeholder 14">
            <a:extLst>
              <a:ext uri="{FF2B5EF4-FFF2-40B4-BE49-F238E27FC236}">
                <a16:creationId xmlns:a16="http://schemas.microsoft.com/office/drawing/2014/main" id="{8C162809-5E1E-E752-AA61-E1A1D622FCF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51999" y="2860606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FC4657-54F9-09F6-C656-30A48263CE6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D0D34E-4FCB-B922-B87A-21328766E77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16" name="Guides" hidden="1">
            <a:extLst>
              <a:ext uri="{FF2B5EF4-FFF2-40B4-BE49-F238E27FC236}">
                <a16:creationId xmlns:a16="http://schemas.microsoft.com/office/drawing/2014/main" id="{96E25BE9-D376-3201-01AD-CA8196116A1B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BBE98F12-A4B1-E633-4CC8-F51BB0B090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09827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3843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72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7407" userDrawn="1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F9E8D761-AFBE-3D7B-6380-195A02047F6A}"/>
              </a:ext>
            </a:extLst>
          </p:cNvPr>
          <p:cNvSpPr>
            <a:spLocks/>
          </p:cNvSpPr>
          <p:nvPr userDrawn="1"/>
        </p:nvSpPr>
        <p:spPr>
          <a:xfrm>
            <a:off x="431999" y="1061999"/>
            <a:ext cx="5556001" cy="2412000"/>
          </a:xfrm>
          <a:prstGeom prst="rect">
            <a:avLst/>
          </a:prstGeom>
          <a:solidFill>
            <a:srgbClr val="502E9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solidFill>
                <a:schemeClr val="bg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AD298DD-0C6B-2545-31B4-45FE745EE35B}"/>
              </a:ext>
            </a:extLst>
          </p:cNvPr>
          <p:cNvSpPr>
            <a:spLocks/>
          </p:cNvSpPr>
          <p:nvPr userDrawn="1"/>
        </p:nvSpPr>
        <p:spPr>
          <a:xfrm>
            <a:off x="6204001" y="1061998"/>
            <a:ext cx="5556001" cy="2412000"/>
          </a:xfrm>
          <a:prstGeom prst="rect">
            <a:avLst/>
          </a:prstGeom>
          <a:solidFill>
            <a:srgbClr val="502E9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CCB2D98D-758B-FBB7-D7B6-CE53FFF2DC6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679999" y="1547999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Text Placeholder 14">
            <a:extLst>
              <a:ext uri="{FF2B5EF4-FFF2-40B4-BE49-F238E27FC236}">
                <a16:creationId xmlns:a16="http://schemas.microsoft.com/office/drawing/2014/main" id="{8C162809-5E1E-E752-AA61-E1A1D622FCF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52001" y="1547998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spcBef>
                <a:spcPts val="400"/>
              </a:spcBef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54815983-7742-6D70-5462-BE03F6197CED}"/>
              </a:ext>
            </a:extLst>
          </p:cNvPr>
          <p:cNvSpPr>
            <a:spLocks/>
          </p:cNvSpPr>
          <p:nvPr userDrawn="1"/>
        </p:nvSpPr>
        <p:spPr>
          <a:xfrm>
            <a:off x="431999" y="3690000"/>
            <a:ext cx="5556001" cy="2412000"/>
          </a:xfrm>
          <a:prstGeom prst="rect">
            <a:avLst/>
          </a:prstGeom>
          <a:solidFill>
            <a:srgbClr val="502E9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solidFill>
                <a:schemeClr val="bg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92487676-D5E5-B166-658D-3614CE9A0E25}"/>
              </a:ext>
            </a:extLst>
          </p:cNvPr>
          <p:cNvSpPr>
            <a:spLocks/>
          </p:cNvSpPr>
          <p:nvPr userDrawn="1"/>
        </p:nvSpPr>
        <p:spPr>
          <a:xfrm>
            <a:off x="6204001" y="3689999"/>
            <a:ext cx="5556001" cy="2412000"/>
          </a:xfrm>
          <a:prstGeom prst="rect">
            <a:avLst/>
          </a:prstGeom>
          <a:solidFill>
            <a:srgbClr val="502E9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0664581F-D8DC-4A74-9B9A-BEEC5A2B693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679999" y="4176000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Text Placeholder 14">
            <a:extLst>
              <a:ext uri="{FF2B5EF4-FFF2-40B4-BE49-F238E27FC236}">
                <a16:creationId xmlns:a16="http://schemas.microsoft.com/office/drawing/2014/main" id="{1DCF2314-5EFA-AFD1-2F88-AEB27BD55DE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452001" y="4175999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7428296-1DFE-77D9-E231-D1540F854F9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9D7708F-B654-0EC1-AE20-2E3917FFC93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21" name="Guides" hidden="1">
            <a:extLst>
              <a:ext uri="{FF2B5EF4-FFF2-40B4-BE49-F238E27FC236}">
                <a16:creationId xmlns:a16="http://schemas.microsoft.com/office/drawing/2014/main" id="{4DEECFA5-19CF-9679-74A1-578EBB1F4DC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6A7138F-93A0-B8D1-A9CD-7E9CF4E0F5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20988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2188" userDrawn="1">
          <p15:clr>
            <a:srgbClr val="FF96FF"/>
          </p15:clr>
        </p15:guide>
        <p15:guide id="5" orient="horz" pos="2324" userDrawn="1">
          <p15:clr>
            <a:srgbClr val="FF96FF"/>
          </p15:clr>
        </p15:guide>
        <p15:guide id="6" orient="horz" pos="3843" userDrawn="1">
          <p15:clr>
            <a:srgbClr val="FF96FF"/>
          </p15:clr>
        </p15:guide>
        <p15:guide id="7" orient="horz" pos="3976" userDrawn="1">
          <p15:clr>
            <a:srgbClr val="8F8F8F"/>
          </p15:clr>
        </p15:guide>
        <p15:guide id="8" orient="horz" pos="4208" userDrawn="1">
          <p15:clr>
            <a:srgbClr val="8F8F8F"/>
          </p15:clr>
        </p15:guide>
        <p15:guide id="9" pos="272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7407" userDrawn="1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F9E8D761-AFBE-3D7B-6380-195A02047F6A}"/>
              </a:ext>
            </a:extLst>
          </p:cNvPr>
          <p:cNvSpPr>
            <a:spLocks/>
          </p:cNvSpPr>
          <p:nvPr userDrawn="1"/>
        </p:nvSpPr>
        <p:spPr>
          <a:xfrm>
            <a:off x="431999" y="1061999"/>
            <a:ext cx="3632000" cy="2412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solidFill>
                <a:schemeClr val="bg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AD298DD-0C6B-2545-31B4-45FE745EE35B}"/>
              </a:ext>
            </a:extLst>
          </p:cNvPr>
          <p:cNvSpPr>
            <a:spLocks/>
          </p:cNvSpPr>
          <p:nvPr userDrawn="1"/>
        </p:nvSpPr>
        <p:spPr>
          <a:xfrm>
            <a:off x="8128002" y="1061999"/>
            <a:ext cx="3632000" cy="2412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CCB2D98D-758B-FBB7-D7B6-CE53FFF2DC6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17999" y="1547999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Text Placeholder 14">
            <a:extLst>
              <a:ext uri="{FF2B5EF4-FFF2-40B4-BE49-F238E27FC236}">
                <a16:creationId xmlns:a16="http://schemas.microsoft.com/office/drawing/2014/main" id="{8C162809-5E1E-E752-AA61-E1A1D622FCF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414002" y="1547999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54815983-7742-6D70-5462-BE03F6197CED}"/>
              </a:ext>
            </a:extLst>
          </p:cNvPr>
          <p:cNvSpPr>
            <a:spLocks/>
          </p:cNvSpPr>
          <p:nvPr userDrawn="1"/>
        </p:nvSpPr>
        <p:spPr>
          <a:xfrm>
            <a:off x="431999" y="3690000"/>
            <a:ext cx="3632000" cy="2412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solidFill>
                <a:schemeClr val="bg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92487676-D5E5-B166-658D-3614CE9A0E25}"/>
              </a:ext>
            </a:extLst>
          </p:cNvPr>
          <p:cNvSpPr>
            <a:spLocks/>
          </p:cNvSpPr>
          <p:nvPr userDrawn="1"/>
        </p:nvSpPr>
        <p:spPr>
          <a:xfrm>
            <a:off x="8128002" y="3690000"/>
            <a:ext cx="3632000" cy="2412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0664581F-D8DC-4A74-9B9A-BEEC5A2B693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17999" y="4176000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Text Placeholder 14">
            <a:extLst>
              <a:ext uri="{FF2B5EF4-FFF2-40B4-BE49-F238E27FC236}">
                <a16:creationId xmlns:a16="http://schemas.microsoft.com/office/drawing/2014/main" id="{1DCF2314-5EFA-AFD1-2F88-AEB27BD55DE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414002" y="4176000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AC776425-3A4F-6ED6-601F-920DB64A19EE}"/>
              </a:ext>
            </a:extLst>
          </p:cNvPr>
          <p:cNvSpPr>
            <a:spLocks/>
          </p:cNvSpPr>
          <p:nvPr userDrawn="1"/>
        </p:nvSpPr>
        <p:spPr>
          <a:xfrm>
            <a:off x="4280000" y="1061999"/>
            <a:ext cx="3632000" cy="2412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solidFill>
                <a:schemeClr val="bg1"/>
              </a:solidFill>
            </a:endParaRP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86AFAAE4-4670-453F-511D-F52DC7480C0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66000" y="1547999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spcBef>
                <a:spcPts val="400"/>
              </a:spcBef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7478CA3-138F-60B9-58C0-C0C136210936}"/>
              </a:ext>
            </a:extLst>
          </p:cNvPr>
          <p:cNvSpPr>
            <a:spLocks/>
          </p:cNvSpPr>
          <p:nvPr userDrawn="1"/>
        </p:nvSpPr>
        <p:spPr>
          <a:xfrm>
            <a:off x="4280000" y="3690000"/>
            <a:ext cx="3632000" cy="2412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solidFill>
                <a:schemeClr val="bg1"/>
              </a:solidFill>
            </a:endParaRPr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D549F1B3-D569-D666-D5A3-7A78A94B1A8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4566000" y="4176000"/>
            <a:ext cx="3060000" cy="1440000"/>
          </a:xfrm>
        </p:spPr>
        <p:txBody>
          <a:bodyPr anchor="ctr"/>
          <a:lstStyle>
            <a:lvl1pPr marL="0" indent="0" algn="ctr">
              <a:buNone/>
              <a:defRPr sz="1800" cap="all" spc="100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400"/>
              </a:spcBef>
              <a:buNone/>
              <a:defRPr sz="4000">
                <a:solidFill>
                  <a:schemeClr val="bg1"/>
                </a:solidFill>
              </a:defRPr>
            </a:lvl2pPr>
            <a:lvl3pPr marL="0" indent="0" algn="ctr">
              <a:buNone/>
              <a:defRPr sz="1200">
                <a:solidFill>
                  <a:schemeClr val="bg1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4625F00-4000-B4BC-5C04-49599FE515A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067612F-165B-FBAC-1E1D-A55625243249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25" name="Guides" hidden="1">
            <a:extLst>
              <a:ext uri="{FF2B5EF4-FFF2-40B4-BE49-F238E27FC236}">
                <a16:creationId xmlns:a16="http://schemas.microsoft.com/office/drawing/2014/main" id="{5C661D80-44D5-7955-BEE5-D7B5EE5AF57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80D9C11-B087-6A4B-B10C-5C8AF371DA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04676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2188" userDrawn="1">
          <p15:clr>
            <a:srgbClr val="FF96FF"/>
          </p15:clr>
        </p15:guide>
        <p15:guide id="5" orient="horz" pos="2324" userDrawn="1">
          <p15:clr>
            <a:srgbClr val="FF96FF"/>
          </p15:clr>
        </p15:guide>
        <p15:guide id="6" orient="horz" pos="3843" userDrawn="1">
          <p15:clr>
            <a:srgbClr val="FF96FF"/>
          </p15:clr>
        </p15:guide>
        <p15:guide id="7" orient="horz" pos="3976" userDrawn="1">
          <p15:clr>
            <a:srgbClr val="8F8F8F"/>
          </p15:clr>
        </p15:guide>
        <p15:guide id="8" orient="horz" pos="4208" userDrawn="1">
          <p15:clr>
            <a:srgbClr val="8F8F8F"/>
          </p15:clr>
        </p15:guide>
        <p15:guide id="9" pos="272" userDrawn="1">
          <p15:clr>
            <a:srgbClr val="FF96FF"/>
          </p15:clr>
        </p15:guide>
        <p15:guide id="10" pos="2560" userDrawn="1">
          <p15:clr>
            <a:srgbClr val="FF96FF"/>
          </p15:clr>
        </p15:guide>
        <p15:guide id="11" pos="2696" userDrawn="1">
          <p15:clr>
            <a:srgbClr val="FF96FF"/>
          </p15:clr>
        </p15:guide>
        <p15:guide id="12" pos="4983" userDrawn="1">
          <p15:clr>
            <a:srgbClr val="FF96FF"/>
          </p15:clr>
        </p15:guide>
        <p15:guide id="13" pos="5120" userDrawn="1">
          <p15:clr>
            <a:srgbClr val="FF96FF"/>
          </p15:clr>
        </p15:guide>
        <p15:guide id="14" pos="7407" userDrawn="1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250BDB9-7AD8-9187-3D04-C0919CCC7482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431999" y="1061998"/>
            <a:ext cx="5556001" cy="504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DEE9708-B034-DD3C-2396-1A99397D45E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04001" y="1061998"/>
            <a:ext cx="5556001" cy="504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4864889-63D4-7E46-AD99-7F4B5FA8FBD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67DF2C-DA2F-0B28-44CB-19BDF2CB6DF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15" name="Guides" hidden="1">
            <a:extLst>
              <a:ext uri="{FF2B5EF4-FFF2-40B4-BE49-F238E27FC236}">
                <a16:creationId xmlns:a16="http://schemas.microsoft.com/office/drawing/2014/main" id="{3D6FD939-A12E-0B38-2A20-7060BB884BA0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3F753A7-94CC-9536-2090-9676570710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997295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3843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72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7407" userDrawn="1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37E2F7-5D6C-1317-F473-A9417C37A2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F00FFD5-448E-5597-8BC5-6C29801CB1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5FF39CC-9A0B-943A-DF35-27926E160E1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152B46D3-329F-6369-E470-903A3ECD23B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5769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3843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72" userDrawn="1">
          <p15:clr>
            <a:srgbClr val="FF96FF"/>
          </p15:clr>
        </p15:guide>
        <p15:guide id="8" pos="1348" userDrawn="1">
          <p15:clr>
            <a:srgbClr val="FF96FF"/>
          </p15:clr>
        </p15:guide>
        <p15:guide id="9" pos="1484" userDrawn="1">
          <p15:clr>
            <a:srgbClr val="FF96FF"/>
          </p15:clr>
        </p15:guide>
        <p15:guide id="10" pos="2560" userDrawn="1">
          <p15:clr>
            <a:srgbClr val="FF96FF"/>
          </p15:clr>
        </p15:guide>
        <p15:guide id="11" pos="2696" userDrawn="1">
          <p15:clr>
            <a:srgbClr val="FF96FF"/>
          </p15:clr>
        </p15:guide>
        <p15:guide id="12" pos="3771" userDrawn="1">
          <p15:clr>
            <a:srgbClr val="FF96FF"/>
          </p15:clr>
        </p15:guide>
        <p15:guide id="13" pos="3908" userDrawn="1">
          <p15:clr>
            <a:srgbClr val="FF96FF"/>
          </p15:clr>
        </p15:guide>
        <p15:guide id="14" pos="4983" userDrawn="1">
          <p15:clr>
            <a:srgbClr val="FF96FF"/>
          </p15:clr>
        </p15:guide>
        <p15:guide id="15" pos="5120" userDrawn="1">
          <p15:clr>
            <a:srgbClr val="FF96FF"/>
          </p15:clr>
        </p15:guide>
        <p15:guide id="16" pos="6195" userDrawn="1">
          <p15:clr>
            <a:srgbClr val="FF96FF"/>
          </p15:clr>
        </p15:guide>
        <p15:guide id="17" pos="6331" userDrawn="1">
          <p15:clr>
            <a:srgbClr val="FF96FF"/>
          </p15:clr>
        </p15:guide>
        <p15:guide id="18" pos="7407" userDrawn="1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A73ED08-F849-7AE1-A5B4-540CBB25765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F8D3FDE-D3BD-6529-F2B3-0D5FAEB6A65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12" name="Guides" hidden="1">
            <a:extLst>
              <a:ext uri="{FF2B5EF4-FFF2-40B4-BE49-F238E27FC236}">
                <a16:creationId xmlns:a16="http://schemas.microsoft.com/office/drawing/2014/main" id="{80297337-5888-9F62-CE3E-DA1C01B67629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47174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3843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72" userDrawn="1">
          <p15:clr>
            <a:srgbClr val="FF96FF"/>
          </p15:clr>
        </p15:guide>
        <p15:guide id="8" pos="1348" userDrawn="1">
          <p15:clr>
            <a:srgbClr val="FF96FF"/>
          </p15:clr>
        </p15:guide>
        <p15:guide id="9" pos="1484" userDrawn="1">
          <p15:clr>
            <a:srgbClr val="FF96FF"/>
          </p15:clr>
        </p15:guide>
        <p15:guide id="10" pos="2560" userDrawn="1">
          <p15:clr>
            <a:srgbClr val="FF96FF"/>
          </p15:clr>
        </p15:guide>
        <p15:guide id="11" pos="2696" userDrawn="1">
          <p15:clr>
            <a:srgbClr val="FF96FF"/>
          </p15:clr>
        </p15:guide>
        <p15:guide id="12" pos="3771" userDrawn="1">
          <p15:clr>
            <a:srgbClr val="FF96FF"/>
          </p15:clr>
        </p15:guide>
        <p15:guide id="13" pos="3908" userDrawn="1">
          <p15:clr>
            <a:srgbClr val="FF96FF"/>
          </p15:clr>
        </p15:guide>
        <p15:guide id="14" pos="4983" userDrawn="1">
          <p15:clr>
            <a:srgbClr val="FF96FF"/>
          </p15:clr>
        </p15:guide>
        <p15:guide id="15" pos="5120" userDrawn="1">
          <p15:clr>
            <a:srgbClr val="FF96FF"/>
          </p15:clr>
        </p15:guide>
        <p15:guide id="16" pos="6195" userDrawn="1">
          <p15:clr>
            <a:srgbClr val="FF96FF"/>
          </p15:clr>
        </p15:guide>
        <p15:guide id="17" pos="6331" userDrawn="1">
          <p15:clr>
            <a:srgbClr val="FF96FF"/>
          </p15:clr>
        </p15:guide>
        <p15:guide id="18" pos="7407" userDrawn="1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_Purp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Graphic 13">
            <a:extLst>
              <a:ext uri="{FF2B5EF4-FFF2-40B4-BE49-F238E27FC236}">
                <a16:creationId xmlns:a16="http://schemas.microsoft.com/office/drawing/2014/main" id="{8E789F1E-0243-2609-6826-890AE7AE354E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r="20548"/>
          <a:stretch/>
        </p:blipFill>
        <p:spPr>
          <a:xfrm>
            <a:off x="6198290" y="0"/>
            <a:ext cx="5993710" cy="6858000"/>
          </a:xfrm>
          <a:prstGeom prst="rect">
            <a:avLst/>
          </a:prstGeom>
        </p:spPr>
      </p:pic>
      <p:pic>
        <p:nvPicPr>
          <p:cNvPr id="19" name="Graphic 18">
            <a:extLst>
              <a:ext uri="{FF2B5EF4-FFF2-40B4-BE49-F238E27FC236}">
                <a16:creationId xmlns:a16="http://schemas.microsoft.com/office/drawing/2014/main" id="{E5E61969-FFE4-2781-A705-79CE31ED10A8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89250" y="1081860"/>
            <a:ext cx="3420000" cy="433879"/>
          </a:xfrm>
          <a:prstGeom prst="rect">
            <a:avLst/>
          </a:prstGeom>
        </p:spPr>
      </p:pic>
      <p:sp>
        <p:nvSpPr>
          <p:cNvPr id="24" name="Guides" hidden="1">
            <a:extLst>
              <a:ext uri="{FF2B5EF4-FFF2-40B4-BE49-F238E27FC236}">
                <a16:creationId xmlns:a16="http://schemas.microsoft.com/office/drawing/2014/main" id="{704F71CC-805D-DCDA-009E-E5DB4B54F3E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5" name="Footer Placeholder 4">
            <a:extLst>
              <a:ext uri="{FF2B5EF4-FFF2-40B4-BE49-F238E27FC236}">
                <a16:creationId xmlns:a16="http://schemas.microsoft.com/office/drawing/2014/main" id="{2B2271EE-6C83-31D0-D05F-E5B49291E6B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89250" y="5694475"/>
            <a:ext cx="2225400" cy="365125"/>
          </a:xfrm>
        </p:spPr>
        <p:txBody>
          <a:bodyPr/>
          <a:lstStyle>
            <a:lvl1pPr>
              <a:defRPr>
                <a:solidFill>
                  <a:srgbClr val="EBE4F3"/>
                </a:solidFill>
              </a:defRPr>
            </a:lvl1pPr>
          </a:lstStyle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4" name="Freeform: Shape 3">
            <a:extLst>
              <a:ext uri="{FF2B5EF4-FFF2-40B4-BE49-F238E27FC236}">
                <a16:creationId xmlns:a16="http://schemas.microsoft.com/office/drawing/2014/main" id="{97810D29-32B2-9D77-F2C3-2FEEB32C71C6}"/>
              </a:ext>
            </a:extLst>
          </p:cNvPr>
          <p:cNvSpPr/>
          <p:nvPr userDrawn="1"/>
        </p:nvSpPr>
        <p:spPr>
          <a:xfrm>
            <a:off x="10791127" y="5732152"/>
            <a:ext cx="154126" cy="286234"/>
          </a:xfrm>
          <a:custGeom>
            <a:avLst/>
            <a:gdLst>
              <a:gd name="connsiteX0" fmla="*/ 154126 w 154126"/>
              <a:gd name="connsiteY0" fmla="*/ 50539 h 286234"/>
              <a:gd name="connsiteX1" fmla="*/ 154126 w 154126"/>
              <a:gd name="connsiteY1" fmla="*/ 0 h 286234"/>
              <a:gd name="connsiteX2" fmla="*/ 109440 w 154126"/>
              <a:gd name="connsiteY2" fmla="*/ 0 h 286234"/>
              <a:gd name="connsiteX3" fmla="*/ 45337 w 154126"/>
              <a:gd name="connsiteY3" fmla="*/ 64103 h 286234"/>
              <a:gd name="connsiteX4" fmla="*/ 45337 w 154126"/>
              <a:gd name="connsiteY4" fmla="*/ 110276 h 286234"/>
              <a:gd name="connsiteX5" fmla="*/ 0 w 154126"/>
              <a:gd name="connsiteY5" fmla="*/ 110276 h 286234"/>
              <a:gd name="connsiteX6" fmla="*/ 0 w 154126"/>
              <a:gd name="connsiteY6" fmla="*/ 163045 h 286234"/>
              <a:gd name="connsiteX7" fmla="*/ 45337 w 154126"/>
              <a:gd name="connsiteY7" fmla="*/ 163045 h 286234"/>
              <a:gd name="connsiteX8" fmla="*/ 45337 w 154126"/>
              <a:gd name="connsiteY8" fmla="*/ 286235 h 286234"/>
              <a:gd name="connsiteX9" fmla="*/ 100707 w 154126"/>
              <a:gd name="connsiteY9" fmla="*/ 286235 h 286234"/>
              <a:gd name="connsiteX10" fmla="*/ 100707 w 154126"/>
              <a:gd name="connsiteY10" fmla="*/ 162209 h 286234"/>
              <a:gd name="connsiteX11" fmla="*/ 142142 w 154126"/>
              <a:gd name="connsiteY11" fmla="*/ 162209 h 286234"/>
              <a:gd name="connsiteX12" fmla="*/ 150039 w 154126"/>
              <a:gd name="connsiteY12" fmla="*/ 109905 h 286234"/>
              <a:gd name="connsiteX13" fmla="*/ 100614 w 154126"/>
              <a:gd name="connsiteY13" fmla="*/ 109905 h 286234"/>
              <a:gd name="connsiteX14" fmla="*/ 100614 w 154126"/>
              <a:gd name="connsiteY14" fmla="*/ 72650 h 286234"/>
              <a:gd name="connsiteX15" fmla="*/ 122725 w 154126"/>
              <a:gd name="connsiteY15" fmla="*/ 50539 h 286234"/>
              <a:gd name="connsiteX16" fmla="*/ 153941 w 154126"/>
              <a:gd name="connsiteY16" fmla="*/ 50539 h 2862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54126" h="286234">
                <a:moveTo>
                  <a:pt x="154126" y="50539"/>
                </a:moveTo>
                <a:lnTo>
                  <a:pt x="154126" y="0"/>
                </a:lnTo>
                <a:lnTo>
                  <a:pt x="109440" y="0"/>
                </a:lnTo>
                <a:cubicBezTo>
                  <a:pt x="74044" y="0"/>
                  <a:pt x="45337" y="28707"/>
                  <a:pt x="45337" y="64103"/>
                </a:cubicBezTo>
                <a:lnTo>
                  <a:pt x="45337" y="110276"/>
                </a:lnTo>
                <a:lnTo>
                  <a:pt x="0" y="110276"/>
                </a:lnTo>
                <a:lnTo>
                  <a:pt x="0" y="163045"/>
                </a:lnTo>
                <a:lnTo>
                  <a:pt x="45337" y="163045"/>
                </a:lnTo>
                <a:lnTo>
                  <a:pt x="45337" y="286235"/>
                </a:lnTo>
                <a:lnTo>
                  <a:pt x="100707" y="286235"/>
                </a:lnTo>
                <a:lnTo>
                  <a:pt x="100707" y="162209"/>
                </a:lnTo>
                <a:lnTo>
                  <a:pt x="142142" y="162209"/>
                </a:lnTo>
                <a:lnTo>
                  <a:pt x="150039" y="109905"/>
                </a:lnTo>
                <a:lnTo>
                  <a:pt x="100614" y="109905"/>
                </a:lnTo>
                <a:lnTo>
                  <a:pt x="100614" y="72650"/>
                </a:lnTo>
                <a:cubicBezTo>
                  <a:pt x="100614" y="60480"/>
                  <a:pt x="110555" y="50539"/>
                  <a:pt x="122725" y="50539"/>
                </a:cubicBezTo>
                <a:lnTo>
                  <a:pt x="153941" y="50539"/>
                </a:lnTo>
                <a:close/>
              </a:path>
            </a:pathLst>
          </a:custGeom>
          <a:solidFill>
            <a:srgbClr val="FFFFFF"/>
          </a:solidFill>
          <a:ln w="9286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grpSp>
        <p:nvGrpSpPr>
          <p:cNvPr id="5" name="Graphic 7">
            <a:extLst>
              <a:ext uri="{FF2B5EF4-FFF2-40B4-BE49-F238E27FC236}">
                <a16:creationId xmlns:a16="http://schemas.microsoft.com/office/drawing/2014/main" id="{619CAB71-05AE-B585-CFEB-E08DC4D9B911}"/>
              </a:ext>
            </a:extLst>
          </p:cNvPr>
          <p:cNvGrpSpPr/>
          <p:nvPr userDrawn="1"/>
        </p:nvGrpSpPr>
        <p:grpSpPr>
          <a:xfrm>
            <a:off x="10204998" y="5742513"/>
            <a:ext cx="270255" cy="270905"/>
            <a:chOff x="10224422" y="5738425"/>
            <a:chExt cx="270255" cy="270905"/>
          </a:xfrm>
          <a:solidFill>
            <a:srgbClr val="FFFFFF"/>
          </a:solidFill>
        </p:grpSpPr>
        <p:sp>
          <p:nvSpPr>
            <p:cNvPr id="6" name="Freeform: Shape 5">
              <a:extLst>
                <a:ext uri="{FF2B5EF4-FFF2-40B4-BE49-F238E27FC236}">
                  <a16:creationId xmlns:a16="http://schemas.microsoft.com/office/drawing/2014/main" id="{D4CFD641-AEAD-1496-2F39-1231ACF493D1}"/>
                </a:ext>
              </a:extLst>
            </p:cNvPr>
            <p:cNvSpPr/>
            <p:nvPr/>
          </p:nvSpPr>
          <p:spPr>
            <a:xfrm>
              <a:off x="10228882" y="5830771"/>
              <a:ext cx="54069" cy="178467"/>
            </a:xfrm>
            <a:custGeom>
              <a:avLst/>
              <a:gdLst>
                <a:gd name="connsiteX0" fmla="*/ 0 w 54069"/>
                <a:gd name="connsiteY0" fmla="*/ 0 h 178467"/>
                <a:gd name="connsiteX1" fmla="*/ 54070 w 54069"/>
                <a:gd name="connsiteY1" fmla="*/ 0 h 178467"/>
                <a:gd name="connsiteX2" fmla="*/ 54070 w 54069"/>
                <a:gd name="connsiteY2" fmla="*/ 178467 h 178467"/>
                <a:gd name="connsiteX3" fmla="*/ 0 w 54069"/>
                <a:gd name="connsiteY3" fmla="*/ 178467 h 178467"/>
                <a:gd name="connsiteX4" fmla="*/ 0 w 54069"/>
                <a:gd name="connsiteY4" fmla="*/ 0 h 1784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4069" h="178467">
                  <a:moveTo>
                    <a:pt x="0" y="0"/>
                  </a:moveTo>
                  <a:lnTo>
                    <a:pt x="54070" y="0"/>
                  </a:lnTo>
                  <a:lnTo>
                    <a:pt x="54070" y="178467"/>
                  </a:lnTo>
                  <a:lnTo>
                    <a:pt x="0" y="178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FFFFF"/>
            </a:solidFill>
            <a:ln w="9286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" name="Freeform: Shape 6">
              <a:extLst>
                <a:ext uri="{FF2B5EF4-FFF2-40B4-BE49-F238E27FC236}">
                  <a16:creationId xmlns:a16="http://schemas.microsoft.com/office/drawing/2014/main" id="{0F909D63-037A-24E0-135C-350E8F91E84B}"/>
                </a:ext>
              </a:extLst>
            </p:cNvPr>
            <p:cNvSpPr/>
            <p:nvPr/>
          </p:nvSpPr>
          <p:spPr>
            <a:xfrm>
              <a:off x="10318348" y="5822781"/>
              <a:ext cx="176330" cy="186549"/>
            </a:xfrm>
            <a:custGeom>
              <a:avLst/>
              <a:gdLst>
                <a:gd name="connsiteX0" fmla="*/ 464 w 176330"/>
                <a:gd name="connsiteY0" fmla="*/ 63360 h 186549"/>
                <a:gd name="connsiteX1" fmla="*/ 0 w 176330"/>
                <a:gd name="connsiteY1" fmla="*/ 5295 h 186549"/>
                <a:gd name="connsiteX2" fmla="*/ 52397 w 176330"/>
                <a:gd name="connsiteY2" fmla="*/ 5295 h 186549"/>
                <a:gd name="connsiteX3" fmla="*/ 54441 w 176330"/>
                <a:gd name="connsiteY3" fmla="*/ 31401 h 186549"/>
                <a:gd name="connsiteX4" fmla="*/ 118916 w 176330"/>
                <a:gd name="connsiteY4" fmla="*/ 0 h 186549"/>
                <a:gd name="connsiteX5" fmla="*/ 176330 w 176330"/>
                <a:gd name="connsiteY5" fmla="*/ 87515 h 186549"/>
                <a:gd name="connsiteX6" fmla="*/ 176330 w 176330"/>
                <a:gd name="connsiteY6" fmla="*/ 186550 h 186549"/>
                <a:gd name="connsiteX7" fmla="*/ 122261 w 176330"/>
                <a:gd name="connsiteY7" fmla="*/ 186550 h 186549"/>
                <a:gd name="connsiteX8" fmla="*/ 122261 w 176330"/>
                <a:gd name="connsiteY8" fmla="*/ 93739 h 186549"/>
                <a:gd name="connsiteX9" fmla="*/ 93739 w 176330"/>
                <a:gd name="connsiteY9" fmla="*/ 47288 h 186549"/>
                <a:gd name="connsiteX10" fmla="*/ 54441 w 176330"/>
                <a:gd name="connsiteY10" fmla="*/ 107117 h 186549"/>
                <a:gd name="connsiteX11" fmla="*/ 54441 w 176330"/>
                <a:gd name="connsiteY11" fmla="*/ 186550 h 186549"/>
                <a:gd name="connsiteX12" fmla="*/ 372 w 176330"/>
                <a:gd name="connsiteY12" fmla="*/ 186550 h 186549"/>
                <a:gd name="connsiteX13" fmla="*/ 372 w 176330"/>
                <a:gd name="connsiteY13" fmla="*/ 63360 h 1865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176330" h="186549">
                  <a:moveTo>
                    <a:pt x="464" y="63360"/>
                  </a:moveTo>
                  <a:cubicBezTo>
                    <a:pt x="464" y="44594"/>
                    <a:pt x="464" y="21832"/>
                    <a:pt x="0" y="5295"/>
                  </a:cubicBezTo>
                  <a:lnTo>
                    <a:pt x="52397" y="5295"/>
                  </a:lnTo>
                  <a:cubicBezTo>
                    <a:pt x="53605" y="11241"/>
                    <a:pt x="54255" y="24526"/>
                    <a:pt x="54441" y="31401"/>
                  </a:cubicBezTo>
                  <a:cubicBezTo>
                    <a:pt x="62338" y="16072"/>
                    <a:pt x="79246" y="0"/>
                    <a:pt x="118916" y="0"/>
                  </a:cubicBezTo>
                  <a:cubicBezTo>
                    <a:pt x="162209" y="0"/>
                    <a:pt x="176330" y="31308"/>
                    <a:pt x="176330" y="87515"/>
                  </a:cubicBezTo>
                  <a:lnTo>
                    <a:pt x="176330" y="186550"/>
                  </a:lnTo>
                  <a:lnTo>
                    <a:pt x="122261" y="186550"/>
                  </a:lnTo>
                  <a:lnTo>
                    <a:pt x="122261" y="93739"/>
                  </a:lnTo>
                  <a:cubicBezTo>
                    <a:pt x="122261" y="66519"/>
                    <a:pt x="111391" y="47288"/>
                    <a:pt x="93739" y="47288"/>
                  </a:cubicBezTo>
                  <a:cubicBezTo>
                    <a:pt x="63267" y="47288"/>
                    <a:pt x="54441" y="66705"/>
                    <a:pt x="54441" y="107117"/>
                  </a:cubicBezTo>
                  <a:lnTo>
                    <a:pt x="54441" y="186550"/>
                  </a:lnTo>
                  <a:lnTo>
                    <a:pt x="372" y="186550"/>
                  </a:lnTo>
                  <a:lnTo>
                    <a:pt x="372" y="63360"/>
                  </a:lnTo>
                  <a:close/>
                </a:path>
              </a:pathLst>
            </a:custGeom>
            <a:solidFill>
              <a:srgbClr val="FFFFFF"/>
            </a:solidFill>
            <a:ln w="9286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2319A8E1-C58A-ADC2-D0B3-DA2D1755F4A2}"/>
                </a:ext>
              </a:extLst>
            </p:cNvPr>
            <p:cNvSpPr/>
            <p:nvPr/>
          </p:nvSpPr>
          <p:spPr>
            <a:xfrm>
              <a:off x="10224422" y="5738425"/>
              <a:ext cx="62988" cy="62988"/>
            </a:xfrm>
            <a:custGeom>
              <a:avLst/>
              <a:gdLst>
                <a:gd name="connsiteX0" fmla="*/ 62988 w 62988"/>
                <a:gd name="connsiteY0" fmla="*/ 31494 h 62988"/>
                <a:gd name="connsiteX1" fmla="*/ 31494 w 62988"/>
                <a:gd name="connsiteY1" fmla="*/ 62988 h 62988"/>
                <a:gd name="connsiteX2" fmla="*/ 0 w 62988"/>
                <a:gd name="connsiteY2" fmla="*/ 31494 h 62988"/>
                <a:gd name="connsiteX3" fmla="*/ 31494 w 62988"/>
                <a:gd name="connsiteY3" fmla="*/ 0 h 62988"/>
                <a:gd name="connsiteX4" fmla="*/ 62988 w 62988"/>
                <a:gd name="connsiteY4" fmla="*/ 31494 h 629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2988" h="62988">
                  <a:moveTo>
                    <a:pt x="62988" y="31494"/>
                  </a:moveTo>
                  <a:cubicBezTo>
                    <a:pt x="62988" y="48888"/>
                    <a:pt x="48888" y="62988"/>
                    <a:pt x="31494" y="62988"/>
                  </a:cubicBezTo>
                  <a:cubicBezTo>
                    <a:pt x="14100" y="62988"/>
                    <a:pt x="0" y="48888"/>
                    <a:pt x="0" y="31494"/>
                  </a:cubicBezTo>
                  <a:cubicBezTo>
                    <a:pt x="0" y="14100"/>
                    <a:pt x="14100" y="0"/>
                    <a:pt x="31494" y="0"/>
                  </a:cubicBezTo>
                  <a:cubicBezTo>
                    <a:pt x="48888" y="0"/>
                    <a:pt x="62988" y="14100"/>
                    <a:pt x="62988" y="31494"/>
                  </a:cubicBezTo>
                  <a:close/>
                </a:path>
              </a:pathLst>
            </a:custGeom>
            <a:solidFill>
              <a:srgbClr val="FFFFFF"/>
            </a:solidFill>
            <a:ln w="9286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9" name="Freeform: Shape 8">
            <a:extLst>
              <a:ext uri="{FF2B5EF4-FFF2-40B4-BE49-F238E27FC236}">
                <a16:creationId xmlns:a16="http://schemas.microsoft.com/office/drawing/2014/main" id="{32243648-1407-15B1-C4EB-BC996F2DD871}"/>
              </a:ext>
            </a:extLst>
          </p:cNvPr>
          <p:cNvSpPr/>
          <p:nvPr userDrawn="1"/>
        </p:nvSpPr>
        <p:spPr>
          <a:xfrm>
            <a:off x="11251091" y="5770474"/>
            <a:ext cx="288371" cy="206616"/>
          </a:xfrm>
          <a:custGeom>
            <a:avLst/>
            <a:gdLst>
              <a:gd name="connsiteX0" fmla="*/ 223804 w 288371"/>
              <a:gd name="connsiteY0" fmla="*/ 0 h 206616"/>
              <a:gd name="connsiteX1" fmla="*/ 64568 w 288371"/>
              <a:gd name="connsiteY1" fmla="*/ 0 h 206616"/>
              <a:gd name="connsiteX2" fmla="*/ 0 w 288371"/>
              <a:gd name="connsiteY2" fmla="*/ 64568 h 206616"/>
              <a:gd name="connsiteX3" fmla="*/ 0 w 288371"/>
              <a:gd name="connsiteY3" fmla="*/ 142049 h 206616"/>
              <a:gd name="connsiteX4" fmla="*/ 64568 w 288371"/>
              <a:gd name="connsiteY4" fmla="*/ 206617 h 206616"/>
              <a:gd name="connsiteX5" fmla="*/ 223804 w 288371"/>
              <a:gd name="connsiteY5" fmla="*/ 206617 h 206616"/>
              <a:gd name="connsiteX6" fmla="*/ 288372 w 288371"/>
              <a:gd name="connsiteY6" fmla="*/ 142049 h 206616"/>
              <a:gd name="connsiteX7" fmla="*/ 288372 w 288371"/>
              <a:gd name="connsiteY7" fmla="*/ 64568 h 206616"/>
              <a:gd name="connsiteX8" fmla="*/ 223804 w 288371"/>
              <a:gd name="connsiteY8" fmla="*/ 0 h 206616"/>
              <a:gd name="connsiteX9" fmla="*/ 153012 w 288371"/>
              <a:gd name="connsiteY9" fmla="*/ 126999 h 206616"/>
              <a:gd name="connsiteX10" fmla="*/ 113899 w 288371"/>
              <a:gd name="connsiteY10" fmla="*/ 150689 h 206616"/>
              <a:gd name="connsiteX11" fmla="*/ 113899 w 288371"/>
              <a:gd name="connsiteY11" fmla="*/ 56021 h 206616"/>
              <a:gd name="connsiteX12" fmla="*/ 153012 w 288371"/>
              <a:gd name="connsiteY12" fmla="*/ 79711 h 206616"/>
              <a:gd name="connsiteX13" fmla="*/ 192124 w 288371"/>
              <a:gd name="connsiteY13" fmla="*/ 103401 h 206616"/>
              <a:gd name="connsiteX14" fmla="*/ 153012 w 288371"/>
              <a:gd name="connsiteY14" fmla="*/ 127092 h 20661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288371" h="206616">
                <a:moveTo>
                  <a:pt x="223804" y="0"/>
                </a:moveTo>
                <a:lnTo>
                  <a:pt x="64568" y="0"/>
                </a:lnTo>
                <a:cubicBezTo>
                  <a:pt x="28893" y="0"/>
                  <a:pt x="0" y="28893"/>
                  <a:pt x="0" y="64568"/>
                </a:cubicBezTo>
                <a:lnTo>
                  <a:pt x="0" y="142049"/>
                </a:lnTo>
                <a:cubicBezTo>
                  <a:pt x="0" y="177724"/>
                  <a:pt x="28893" y="206617"/>
                  <a:pt x="64568" y="206617"/>
                </a:cubicBezTo>
                <a:lnTo>
                  <a:pt x="223804" y="206617"/>
                </a:lnTo>
                <a:cubicBezTo>
                  <a:pt x="259479" y="206617"/>
                  <a:pt x="288372" y="177724"/>
                  <a:pt x="288372" y="142049"/>
                </a:cubicBezTo>
                <a:lnTo>
                  <a:pt x="288372" y="64568"/>
                </a:lnTo>
                <a:cubicBezTo>
                  <a:pt x="288372" y="28893"/>
                  <a:pt x="259479" y="0"/>
                  <a:pt x="223804" y="0"/>
                </a:cubicBezTo>
                <a:close/>
                <a:moveTo>
                  <a:pt x="153012" y="126999"/>
                </a:moveTo>
                <a:lnTo>
                  <a:pt x="113899" y="150689"/>
                </a:lnTo>
                <a:lnTo>
                  <a:pt x="113899" y="56021"/>
                </a:lnTo>
                <a:lnTo>
                  <a:pt x="153012" y="79711"/>
                </a:lnTo>
                <a:lnTo>
                  <a:pt x="192124" y="103401"/>
                </a:lnTo>
                <a:lnTo>
                  <a:pt x="153012" y="127092"/>
                </a:lnTo>
                <a:close/>
              </a:path>
            </a:pathLst>
          </a:custGeom>
          <a:solidFill>
            <a:srgbClr val="FFFFFF"/>
          </a:solidFill>
          <a:ln w="9286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D756A37F-4A0D-BCD4-C3D9-6DDD2F5C84AE}"/>
              </a:ext>
            </a:extLst>
          </p:cNvPr>
          <p:cNvSpPr/>
          <p:nvPr userDrawn="1"/>
        </p:nvSpPr>
        <p:spPr>
          <a:xfrm>
            <a:off x="9659014" y="5734337"/>
            <a:ext cx="279081" cy="279081"/>
          </a:xfrm>
          <a:custGeom>
            <a:avLst/>
            <a:gdLst>
              <a:gd name="connsiteX0" fmla="*/ 33352 w 279081"/>
              <a:gd name="connsiteY0" fmla="*/ 78410 h 279081"/>
              <a:gd name="connsiteX1" fmla="*/ 33074 w 279081"/>
              <a:gd name="connsiteY1" fmla="*/ 78875 h 279081"/>
              <a:gd name="connsiteX2" fmla="*/ 17373 w 279081"/>
              <a:gd name="connsiteY2" fmla="*/ 130157 h 279081"/>
              <a:gd name="connsiteX3" fmla="*/ 17373 w 279081"/>
              <a:gd name="connsiteY3" fmla="*/ 130994 h 279081"/>
              <a:gd name="connsiteX4" fmla="*/ 61409 w 279081"/>
              <a:gd name="connsiteY4" fmla="*/ 130994 h 279081"/>
              <a:gd name="connsiteX5" fmla="*/ 61409 w 279081"/>
              <a:gd name="connsiteY5" fmla="*/ 130250 h 279081"/>
              <a:gd name="connsiteX6" fmla="*/ 67355 w 279081"/>
              <a:gd name="connsiteY6" fmla="*/ 85006 h 279081"/>
              <a:gd name="connsiteX7" fmla="*/ 67541 w 279081"/>
              <a:gd name="connsiteY7" fmla="*/ 84263 h 279081"/>
              <a:gd name="connsiteX8" fmla="*/ 66705 w 279081"/>
              <a:gd name="connsiteY8" fmla="*/ 84263 h 279081"/>
              <a:gd name="connsiteX9" fmla="*/ 33817 w 279081"/>
              <a:gd name="connsiteY9" fmla="*/ 78596 h 279081"/>
              <a:gd name="connsiteX10" fmla="*/ 33259 w 279081"/>
              <a:gd name="connsiteY10" fmla="*/ 78596 h 279081"/>
              <a:gd name="connsiteX11" fmla="*/ 211634 w 279081"/>
              <a:gd name="connsiteY11" fmla="*/ 84356 h 279081"/>
              <a:gd name="connsiteX12" fmla="*/ 211819 w 279081"/>
              <a:gd name="connsiteY12" fmla="*/ 85099 h 279081"/>
              <a:gd name="connsiteX13" fmla="*/ 217672 w 279081"/>
              <a:gd name="connsiteY13" fmla="*/ 130065 h 279081"/>
              <a:gd name="connsiteX14" fmla="*/ 217672 w 279081"/>
              <a:gd name="connsiteY14" fmla="*/ 130808 h 279081"/>
              <a:gd name="connsiteX15" fmla="*/ 261708 w 279081"/>
              <a:gd name="connsiteY15" fmla="*/ 130808 h 279081"/>
              <a:gd name="connsiteX16" fmla="*/ 261708 w 279081"/>
              <a:gd name="connsiteY16" fmla="*/ 129972 h 279081"/>
              <a:gd name="connsiteX17" fmla="*/ 246008 w 279081"/>
              <a:gd name="connsiteY17" fmla="*/ 78782 h 279081"/>
              <a:gd name="connsiteX18" fmla="*/ 245729 w 279081"/>
              <a:gd name="connsiteY18" fmla="*/ 78317 h 279081"/>
              <a:gd name="connsiteX19" fmla="*/ 245172 w 279081"/>
              <a:gd name="connsiteY19" fmla="*/ 78317 h 279081"/>
              <a:gd name="connsiteX20" fmla="*/ 212377 w 279081"/>
              <a:gd name="connsiteY20" fmla="*/ 84170 h 279081"/>
              <a:gd name="connsiteX21" fmla="*/ 211541 w 279081"/>
              <a:gd name="connsiteY21" fmla="*/ 84170 h 279081"/>
              <a:gd name="connsiteX22" fmla="*/ 185528 w 279081"/>
              <a:gd name="connsiteY22" fmla="*/ 25920 h 279081"/>
              <a:gd name="connsiteX23" fmla="*/ 187107 w 279081"/>
              <a:gd name="connsiteY23" fmla="*/ 28150 h 279081"/>
              <a:gd name="connsiteX24" fmla="*/ 196304 w 279081"/>
              <a:gd name="connsiteY24" fmla="*/ 42921 h 279081"/>
              <a:gd name="connsiteX25" fmla="*/ 206710 w 279081"/>
              <a:gd name="connsiteY25" fmla="*/ 67448 h 279081"/>
              <a:gd name="connsiteX26" fmla="*/ 206895 w 279081"/>
              <a:gd name="connsiteY26" fmla="*/ 68005 h 279081"/>
              <a:gd name="connsiteX27" fmla="*/ 207546 w 279081"/>
              <a:gd name="connsiteY27" fmla="*/ 68005 h 279081"/>
              <a:gd name="connsiteX28" fmla="*/ 234209 w 279081"/>
              <a:gd name="connsiteY28" fmla="*/ 63546 h 279081"/>
              <a:gd name="connsiteX29" fmla="*/ 235417 w 279081"/>
              <a:gd name="connsiteY29" fmla="*/ 63267 h 279081"/>
              <a:gd name="connsiteX30" fmla="*/ 234674 w 279081"/>
              <a:gd name="connsiteY30" fmla="*/ 62338 h 279081"/>
              <a:gd name="connsiteX31" fmla="*/ 226219 w 279081"/>
              <a:gd name="connsiteY31" fmla="*/ 52955 h 279081"/>
              <a:gd name="connsiteX32" fmla="*/ 188129 w 279081"/>
              <a:gd name="connsiteY32" fmla="*/ 27035 h 279081"/>
              <a:gd name="connsiteX33" fmla="*/ 185621 w 279081"/>
              <a:gd name="connsiteY33" fmla="*/ 25920 h 279081"/>
              <a:gd name="connsiteX34" fmla="*/ 93554 w 279081"/>
              <a:gd name="connsiteY34" fmla="*/ 25920 h 279081"/>
              <a:gd name="connsiteX35" fmla="*/ 91045 w 279081"/>
              <a:gd name="connsiteY35" fmla="*/ 27035 h 279081"/>
              <a:gd name="connsiteX36" fmla="*/ 52955 w 279081"/>
              <a:gd name="connsiteY36" fmla="*/ 52955 h 279081"/>
              <a:gd name="connsiteX37" fmla="*/ 44594 w 279081"/>
              <a:gd name="connsiteY37" fmla="*/ 62245 h 279081"/>
              <a:gd name="connsiteX38" fmla="*/ 43850 w 279081"/>
              <a:gd name="connsiteY38" fmla="*/ 63174 h 279081"/>
              <a:gd name="connsiteX39" fmla="*/ 45058 w 279081"/>
              <a:gd name="connsiteY39" fmla="*/ 63360 h 279081"/>
              <a:gd name="connsiteX40" fmla="*/ 71628 w 279081"/>
              <a:gd name="connsiteY40" fmla="*/ 67541 h 279081"/>
              <a:gd name="connsiteX41" fmla="*/ 72186 w 279081"/>
              <a:gd name="connsiteY41" fmla="*/ 67541 h 279081"/>
              <a:gd name="connsiteX42" fmla="*/ 72372 w 279081"/>
              <a:gd name="connsiteY42" fmla="*/ 67076 h 279081"/>
              <a:gd name="connsiteX43" fmla="*/ 82684 w 279081"/>
              <a:gd name="connsiteY43" fmla="*/ 42828 h 279081"/>
              <a:gd name="connsiteX44" fmla="*/ 91881 w 279081"/>
              <a:gd name="connsiteY44" fmla="*/ 28057 h 279081"/>
              <a:gd name="connsiteX45" fmla="*/ 93461 w 279081"/>
              <a:gd name="connsiteY45" fmla="*/ 25827 h 279081"/>
              <a:gd name="connsiteX46" fmla="*/ 93554 w 279081"/>
              <a:gd name="connsiteY46" fmla="*/ 253068 h 279081"/>
              <a:gd name="connsiteX47" fmla="*/ 91974 w 279081"/>
              <a:gd name="connsiteY47" fmla="*/ 250839 h 279081"/>
              <a:gd name="connsiteX48" fmla="*/ 82777 w 279081"/>
              <a:gd name="connsiteY48" fmla="*/ 236067 h 279081"/>
              <a:gd name="connsiteX49" fmla="*/ 72557 w 279081"/>
              <a:gd name="connsiteY49" fmla="*/ 212005 h 279081"/>
              <a:gd name="connsiteX50" fmla="*/ 72372 w 279081"/>
              <a:gd name="connsiteY50" fmla="*/ 211448 h 279081"/>
              <a:gd name="connsiteX51" fmla="*/ 71721 w 279081"/>
              <a:gd name="connsiteY51" fmla="*/ 211448 h 279081"/>
              <a:gd name="connsiteX52" fmla="*/ 45615 w 279081"/>
              <a:gd name="connsiteY52" fmla="*/ 216279 h 279081"/>
              <a:gd name="connsiteX53" fmla="*/ 44408 w 279081"/>
              <a:gd name="connsiteY53" fmla="*/ 216557 h 279081"/>
              <a:gd name="connsiteX54" fmla="*/ 45151 w 279081"/>
              <a:gd name="connsiteY54" fmla="*/ 217486 h 279081"/>
              <a:gd name="connsiteX55" fmla="*/ 52955 w 279081"/>
              <a:gd name="connsiteY55" fmla="*/ 226126 h 279081"/>
              <a:gd name="connsiteX56" fmla="*/ 91045 w 279081"/>
              <a:gd name="connsiteY56" fmla="*/ 252046 h 279081"/>
              <a:gd name="connsiteX57" fmla="*/ 93554 w 279081"/>
              <a:gd name="connsiteY57" fmla="*/ 253161 h 279081"/>
              <a:gd name="connsiteX58" fmla="*/ 185528 w 279081"/>
              <a:gd name="connsiteY58" fmla="*/ 253068 h 279081"/>
              <a:gd name="connsiteX59" fmla="*/ 188036 w 279081"/>
              <a:gd name="connsiteY59" fmla="*/ 251954 h 279081"/>
              <a:gd name="connsiteX60" fmla="*/ 226126 w 279081"/>
              <a:gd name="connsiteY60" fmla="*/ 226034 h 279081"/>
              <a:gd name="connsiteX61" fmla="*/ 234116 w 279081"/>
              <a:gd name="connsiteY61" fmla="*/ 217301 h 279081"/>
              <a:gd name="connsiteX62" fmla="*/ 234859 w 279081"/>
              <a:gd name="connsiteY62" fmla="*/ 216372 h 279081"/>
              <a:gd name="connsiteX63" fmla="*/ 233652 w 279081"/>
              <a:gd name="connsiteY63" fmla="*/ 216093 h 279081"/>
              <a:gd name="connsiteX64" fmla="*/ 207546 w 279081"/>
              <a:gd name="connsiteY64" fmla="*/ 211169 h 279081"/>
              <a:gd name="connsiteX65" fmla="*/ 206895 w 279081"/>
              <a:gd name="connsiteY65" fmla="*/ 211169 h 279081"/>
              <a:gd name="connsiteX66" fmla="*/ 206710 w 279081"/>
              <a:gd name="connsiteY66" fmla="*/ 211634 h 279081"/>
              <a:gd name="connsiteX67" fmla="*/ 196397 w 279081"/>
              <a:gd name="connsiteY67" fmla="*/ 235974 h 279081"/>
              <a:gd name="connsiteX68" fmla="*/ 187200 w 279081"/>
              <a:gd name="connsiteY68" fmla="*/ 250746 h 279081"/>
              <a:gd name="connsiteX69" fmla="*/ 185621 w 279081"/>
              <a:gd name="connsiteY69" fmla="*/ 252975 h 279081"/>
              <a:gd name="connsiteX70" fmla="*/ 211634 w 279081"/>
              <a:gd name="connsiteY70" fmla="*/ 194632 h 279081"/>
              <a:gd name="connsiteX71" fmla="*/ 212377 w 279081"/>
              <a:gd name="connsiteY71" fmla="*/ 194632 h 279081"/>
              <a:gd name="connsiteX72" fmla="*/ 244707 w 279081"/>
              <a:gd name="connsiteY72" fmla="*/ 201136 h 279081"/>
              <a:gd name="connsiteX73" fmla="*/ 245264 w 279081"/>
              <a:gd name="connsiteY73" fmla="*/ 201136 h 279081"/>
              <a:gd name="connsiteX74" fmla="*/ 245543 w 279081"/>
              <a:gd name="connsiteY74" fmla="*/ 200764 h 279081"/>
              <a:gd name="connsiteX75" fmla="*/ 261615 w 279081"/>
              <a:gd name="connsiteY75" fmla="*/ 148738 h 279081"/>
              <a:gd name="connsiteX76" fmla="*/ 261615 w 279081"/>
              <a:gd name="connsiteY76" fmla="*/ 147902 h 279081"/>
              <a:gd name="connsiteX77" fmla="*/ 217672 w 279081"/>
              <a:gd name="connsiteY77" fmla="*/ 147902 h 279081"/>
              <a:gd name="connsiteX78" fmla="*/ 217672 w 279081"/>
              <a:gd name="connsiteY78" fmla="*/ 148645 h 279081"/>
              <a:gd name="connsiteX79" fmla="*/ 211726 w 279081"/>
              <a:gd name="connsiteY79" fmla="*/ 193796 h 279081"/>
              <a:gd name="connsiteX80" fmla="*/ 211541 w 279081"/>
              <a:gd name="connsiteY80" fmla="*/ 194539 h 279081"/>
              <a:gd name="connsiteX81" fmla="*/ 33817 w 279081"/>
              <a:gd name="connsiteY81" fmla="*/ 201321 h 279081"/>
              <a:gd name="connsiteX82" fmla="*/ 34374 w 279081"/>
              <a:gd name="connsiteY82" fmla="*/ 201321 h 279081"/>
              <a:gd name="connsiteX83" fmla="*/ 66797 w 279081"/>
              <a:gd name="connsiteY83" fmla="*/ 195004 h 279081"/>
              <a:gd name="connsiteX84" fmla="*/ 67541 w 279081"/>
              <a:gd name="connsiteY84" fmla="*/ 195004 h 279081"/>
              <a:gd name="connsiteX85" fmla="*/ 67355 w 279081"/>
              <a:gd name="connsiteY85" fmla="*/ 194075 h 279081"/>
              <a:gd name="connsiteX86" fmla="*/ 61409 w 279081"/>
              <a:gd name="connsiteY86" fmla="*/ 148645 h 279081"/>
              <a:gd name="connsiteX87" fmla="*/ 61409 w 279081"/>
              <a:gd name="connsiteY87" fmla="*/ 147902 h 279081"/>
              <a:gd name="connsiteX88" fmla="*/ 17373 w 279081"/>
              <a:gd name="connsiteY88" fmla="*/ 147902 h 279081"/>
              <a:gd name="connsiteX89" fmla="*/ 17373 w 279081"/>
              <a:gd name="connsiteY89" fmla="*/ 148738 h 279081"/>
              <a:gd name="connsiteX90" fmla="*/ 33631 w 279081"/>
              <a:gd name="connsiteY90" fmla="*/ 200857 h 279081"/>
              <a:gd name="connsiteX91" fmla="*/ 33910 w 279081"/>
              <a:gd name="connsiteY91" fmla="*/ 201321 h 279081"/>
              <a:gd name="connsiteX92" fmla="*/ 131830 w 279081"/>
              <a:gd name="connsiteY92" fmla="*/ 72279 h 279081"/>
              <a:gd name="connsiteX93" fmla="*/ 131830 w 279081"/>
              <a:gd name="connsiteY93" fmla="*/ 18023 h 279081"/>
              <a:gd name="connsiteX94" fmla="*/ 130901 w 279081"/>
              <a:gd name="connsiteY94" fmla="*/ 18302 h 279081"/>
              <a:gd name="connsiteX95" fmla="*/ 97734 w 279081"/>
              <a:gd name="connsiteY95" fmla="*/ 50911 h 279081"/>
              <a:gd name="connsiteX96" fmla="*/ 89837 w 279081"/>
              <a:gd name="connsiteY96" fmla="*/ 68841 h 279081"/>
              <a:gd name="connsiteX97" fmla="*/ 89559 w 279081"/>
              <a:gd name="connsiteY97" fmla="*/ 69770 h 279081"/>
              <a:gd name="connsiteX98" fmla="*/ 90488 w 279081"/>
              <a:gd name="connsiteY98" fmla="*/ 69770 h 279081"/>
              <a:gd name="connsiteX99" fmla="*/ 131179 w 279081"/>
              <a:gd name="connsiteY99" fmla="*/ 72279 h 279081"/>
              <a:gd name="connsiteX100" fmla="*/ 131923 w 279081"/>
              <a:gd name="connsiteY100" fmla="*/ 72279 h 279081"/>
              <a:gd name="connsiteX101" fmla="*/ 84542 w 279081"/>
              <a:gd name="connsiteY101" fmla="*/ 86307 h 279081"/>
              <a:gd name="connsiteX102" fmla="*/ 84356 w 279081"/>
              <a:gd name="connsiteY102" fmla="*/ 86957 h 279081"/>
              <a:gd name="connsiteX103" fmla="*/ 78410 w 279081"/>
              <a:gd name="connsiteY103" fmla="*/ 130250 h 279081"/>
              <a:gd name="connsiteX104" fmla="*/ 78410 w 279081"/>
              <a:gd name="connsiteY104" fmla="*/ 130994 h 279081"/>
              <a:gd name="connsiteX105" fmla="*/ 131737 w 279081"/>
              <a:gd name="connsiteY105" fmla="*/ 130994 h 279081"/>
              <a:gd name="connsiteX106" fmla="*/ 131737 w 279081"/>
              <a:gd name="connsiteY106" fmla="*/ 89280 h 279081"/>
              <a:gd name="connsiteX107" fmla="*/ 130994 w 279081"/>
              <a:gd name="connsiteY107" fmla="*/ 89280 h 279081"/>
              <a:gd name="connsiteX108" fmla="*/ 85006 w 279081"/>
              <a:gd name="connsiteY108" fmla="*/ 86400 h 279081"/>
              <a:gd name="connsiteX109" fmla="*/ 84356 w 279081"/>
              <a:gd name="connsiteY109" fmla="*/ 86400 h 279081"/>
              <a:gd name="connsiteX110" fmla="*/ 131830 w 279081"/>
              <a:gd name="connsiteY110" fmla="*/ 189244 h 279081"/>
              <a:gd name="connsiteX111" fmla="*/ 131830 w 279081"/>
              <a:gd name="connsiteY111" fmla="*/ 147995 h 279081"/>
              <a:gd name="connsiteX112" fmla="*/ 78410 w 279081"/>
              <a:gd name="connsiteY112" fmla="*/ 147995 h 279081"/>
              <a:gd name="connsiteX113" fmla="*/ 78410 w 279081"/>
              <a:gd name="connsiteY113" fmla="*/ 148738 h 279081"/>
              <a:gd name="connsiteX114" fmla="*/ 84356 w 279081"/>
              <a:gd name="connsiteY114" fmla="*/ 191938 h 279081"/>
              <a:gd name="connsiteX115" fmla="*/ 84542 w 279081"/>
              <a:gd name="connsiteY115" fmla="*/ 192588 h 279081"/>
              <a:gd name="connsiteX116" fmla="*/ 85192 w 279081"/>
              <a:gd name="connsiteY116" fmla="*/ 192588 h 279081"/>
              <a:gd name="connsiteX117" fmla="*/ 131179 w 279081"/>
              <a:gd name="connsiteY117" fmla="*/ 189244 h 279081"/>
              <a:gd name="connsiteX118" fmla="*/ 131923 w 279081"/>
              <a:gd name="connsiteY118" fmla="*/ 189244 h 279081"/>
              <a:gd name="connsiteX119" fmla="*/ 131830 w 279081"/>
              <a:gd name="connsiteY119" fmla="*/ 260965 h 279081"/>
              <a:gd name="connsiteX120" fmla="*/ 131830 w 279081"/>
              <a:gd name="connsiteY120" fmla="*/ 206245 h 279081"/>
              <a:gd name="connsiteX121" fmla="*/ 131086 w 279081"/>
              <a:gd name="connsiteY121" fmla="*/ 206245 h 279081"/>
              <a:gd name="connsiteX122" fmla="*/ 90395 w 279081"/>
              <a:gd name="connsiteY122" fmla="*/ 209032 h 279081"/>
              <a:gd name="connsiteX123" fmla="*/ 89466 w 279081"/>
              <a:gd name="connsiteY123" fmla="*/ 209032 h 279081"/>
              <a:gd name="connsiteX124" fmla="*/ 89745 w 279081"/>
              <a:gd name="connsiteY124" fmla="*/ 210054 h 279081"/>
              <a:gd name="connsiteX125" fmla="*/ 97734 w 279081"/>
              <a:gd name="connsiteY125" fmla="*/ 228170 h 279081"/>
              <a:gd name="connsiteX126" fmla="*/ 130901 w 279081"/>
              <a:gd name="connsiteY126" fmla="*/ 260779 h 279081"/>
              <a:gd name="connsiteX127" fmla="*/ 131830 w 279081"/>
              <a:gd name="connsiteY127" fmla="*/ 261058 h 279081"/>
              <a:gd name="connsiteX128" fmla="*/ 148924 w 279081"/>
              <a:gd name="connsiteY128" fmla="*/ 206245 h 279081"/>
              <a:gd name="connsiteX129" fmla="*/ 148924 w 279081"/>
              <a:gd name="connsiteY129" fmla="*/ 260501 h 279081"/>
              <a:gd name="connsiteX130" fmla="*/ 149946 w 279081"/>
              <a:gd name="connsiteY130" fmla="*/ 260129 h 279081"/>
              <a:gd name="connsiteX131" fmla="*/ 181440 w 279081"/>
              <a:gd name="connsiteY131" fmla="*/ 228077 h 279081"/>
              <a:gd name="connsiteX132" fmla="*/ 189523 w 279081"/>
              <a:gd name="connsiteY132" fmla="*/ 209683 h 279081"/>
              <a:gd name="connsiteX133" fmla="*/ 189801 w 279081"/>
              <a:gd name="connsiteY133" fmla="*/ 208846 h 279081"/>
              <a:gd name="connsiteX134" fmla="*/ 188872 w 279081"/>
              <a:gd name="connsiteY134" fmla="*/ 208846 h 279081"/>
              <a:gd name="connsiteX135" fmla="*/ 149667 w 279081"/>
              <a:gd name="connsiteY135" fmla="*/ 206245 h 279081"/>
              <a:gd name="connsiteX136" fmla="*/ 148924 w 279081"/>
              <a:gd name="connsiteY136" fmla="*/ 206245 h 279081"/>
              <a:gd name="connsiteX137" fmla="*/ 194725 w 279081"/>
              <a:gd name="connsiteY137" fmla="*/ 192310 h 279081"/>
              <a:gd name="connsiteX138" fmla="*/ 194911 w 279081"/>
              <a:gd name="connsiteY138" fmla="*/ 191659 h 279081"/>
              <a:gd name="connsiteX139" fmla="*/ 200671 w 279081"/>
              <a:gd name="connsiteY139" fmla="*/ 148738 h 279081"/>
              <a:gd name="connsiteX140" fmla="*/ 200671 w 279081"/>
              <a:gd name="connsiteY140" fmla="*/ 147995 h 279081"/>
              <a:gd name="connsiteX141" fmla="*/ 148924 w 279081"/>
              <a:gd name="connsiteY141" fmla="*/ 147995 h 279081"/>
              <a:gd name="connsiteX142" fmla="*/ 148924 w 279081"/>
              <a:gd name="connsiteY142" fmla="*/ 189151 h 279081"/>
              <a:gd name="connsiteX143" fmla="*/ 149667 w 279081"/>
              <a:gd name="connsiteY143" fmla="*/ 189151 h 279081"/>
              <a:gd name="connsiteX144" fmla="*/ 194075 w 279081"/>
              <a:gd name="connsiteY144" fmla="*/ 192217 h 279081"/>
              <a:gd name="connsiteX145" fmla="*/ 194725 w 279081"/>
              <a:gd name="connsiteY145" fmla="*/ 192217 h 279081"/>
              <a:gd name="connsiteX146" fmla="*/ 194725 w 279081"/>
              <a:gd name="connsiteY146" fmla="*/ 86679 h 279081"/>
              <a:gd name="connsiteX147" fmla="*/ 194075 w 279081"/>
              <a:gd name="connsiteY147" fmla="*/ 86679 h 279081"/>
              <a:gd name="connsiteX148" fmla="*/ 149667 w 279081"/>
              <a:gd name="connsiteY148" fmla="*/ 89373 h 279081"/>
              <a:gd name="connsiteX149" fmla="*/ 148924 w 279081"/>
              <a:gd name="connsiteY149" fmla="*/ 89373 h 279081"/>
              <a:gd name="connsiteX150" fmla="*/ 148924 w 279081"/>
              <a:gd name="connsiteY150" fmla="*/ 131086 h 279081"/>
              <a:gd name="connsiteX151" fmla="*/ 200671 w 279081"/>
              <a:gd name="connsiteY151" fmla="*/ 131086 h 279081"/>
              <a:gd name="connsiteX152" fmla="*/ 200671 w 279081"/>
              <a:gd name="connsiteY152" fmla="*/ 130343 h 279081"/>
              <a:gd name="connsiteX153" fmla="*/ 194818 w 279081"/>
              <a:gd name="connsiteY153" fmla="*/ 87329 h 279081"/>
              <a:gd name="connsiteX154" fmla="*/ 194632 w 279081"/>
              <a:gd name="connsiteY154" fmla="*/ 86679 h 279081"/>
              <a:gd name="connsiteX155" fmla="*/ 189801 w 279081"/>
              <a:gd name="connsiteY155" fmla="*/ 70049 h 279081"/>
              <a:gd name="connsiteX156" fmla="*/ 189523 w 279081"/>
              <a:gd name="connsiteY156" fmla="*/ 69120 h 279081"/>
              <a:gd name="connsiteX157" fmla="*/ 181533 w 279081"/>
              <a:gd name="connsiteY157" fmla="*/ 50911 h 279081"/>
              <a:gd name="connsiteX158" fmla="*/ 150039 w 279081"/>
              <a:gd name="connsiteY158" fmla="*/ 18859 h 279081"/>
              <a:gd name="connsiteX159" fmla="*/ 149017 w 279081"/>
              <a:gd name="connsiteY159" fmla="*/ 18488 h 279081"/>
              <a:gd name="connsiteX160" fmla="*/ 149017 w 279081"/>
              <a:gd name="connsiteY160" fmla="*/ 72279 h 279081"/>
              <a:gd name="connsiteX161" fmla="*/ 149760 w 279081"/>
              <a:gd name="connsiteY161" fmla="*/ 72279 h 279081"/>
              <a:gd name="connsiteX162" fmla="*/ 188872 w 279081"/>
              <a:gd name="connsiteY162" fmla="*/ 70049 h 279081"/>
              <a:gd name="connsiteX163" fmla="*/ 189801 w 279081"/>
              <a:gd name="connsiteY163" fmla="*/ 70049 h 279081"/>
              <a:gd name="connsiteX164" fmla="*/ 139541 w 279081"/>
              <a:gd name="connsiteY164" fmla="*/ 0 h 279081"/>
              <a:gd name="connsiteX165" fmla="*/ 238204 w 279081"/>
              <a:gd name="connsiteY165" fmla="*/ 40877 h 279081"/>
              <a:gd name="connsiteX166" fmla="*/ 279081 w 279081"/>
              <a:gd name="connsiteY166" fmla="*/ 139541 h 279081"/>
              <a:gd name="connsiteX167" fmla="*/ 238204 w 279081"/>
              <a:gd name="connsiteY167" fmla="*/ 238204 h 279081"/>
              <a:gd name="connsiteX168" fmla="*/ 139541 w 279081"/>
              <a:gd name="connsiteY168" fmla="*/ 279081 h 279081"/>
              <a:gd name="connsiteX169" fmla="*/ 40877 w 279081"/>
              <a:gd name="connsiteY169" fmla="*/ 238204 h 279081"/>
              <a:gd name="connsiteX170" fmla="*/ 0 w 279081"/>
              <a:gd name="connsiteY170" fmla="*/ 139541 h 279081"/>
              <a:gd name="connsiteX171" fmla="*/ 40877 w 279081"/>
              <a:gd name="connsiteY171" fmla="*/ 40877 h 279081"/>
              <a:gd name="connsiteX172" fmla="*/ 139541 w 279081"/>
              <a:gd name="connsiteY172" fmla="*/ 0 h 27908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</a:cxnLst>
            <a:rect l="l" t="t" r="r" b="b"/>
            <a:pathLst>
              <a:path w="279081" h="279081">
                <a:moveTo>
                  <a:pt x="33352" y="78410"/>
                </a:moveTo>
                <a:lnTo>
                  <a:pt x="33074" y="78875"/>
                </a:lnTo>
                <a:cubicBezTo>
                  <a:pt x="24062" y="94575"/>
                  <a:pt x="18766" y="112134"/>
                  <a:pt x="17373" y="130157"/>
                </a:cubicBezTo>
                <a:lnTo>
                  <a:pt x="17373" y="130994"/>
                </a:lnTo>
                <a:lnTo>
                  <a:pt x="61409" y="130994"/>
                </a:lnTo>
                <a:lnTo>
                  <a:pt x="61409" y="130250"/>
                </a:lnTo>
                <a:cubicBezTo>
                  <a:pt x="61966" y="115014"/>
                  <a:pt x="63917" y="99778"/>
                  <a:pt x="67355" y="85006"/>
                </a:cubicBezTo>
                <a:lnTo>
                  <a:pt x="67541" y="84263"/>
                </a:lnTo>
                <a:lnTo>
                  <a:pt x="66705" y="84263"/>
                </a:lnTo>
                <a:cubicBezTo>
                  <a:pt x="55742" y="82591"/>
                  <a:pt x="44779" y="80733"/>
                  <a:pt x="33817" y="78596"/>
                </a:cubicBezTo>
                <a:lnTo>
                  <a:pt x="33259" y="78596"/>
                </a:lnTo>
                <a:close/>
                <a:moveTo>
                  <a:pt x="211634" y="84356"/>
                </a:moveTo>
                <a:lnTo>
                  <a:pt x="211819" y="85099"/>
                </a:lnTo>
                <a:cubicBezTo>
                  <a:pt x="215257" y="99871"/>
                  <a:pt x="217115" y="114921"/>
                  <a:pt x="217672" y="130065"/>
                </a:cubicBezTo>
                <a:lnTo>
                  <a:pt x="217672" y="130808"/>
                </a:lnTo>
                <a:lnTo>
                  <a:pt x="261708" y="130808"/>
                </a:lnTo>
                <a:lnTo>
                  <a:pt x="261708" y="129972"/>
                </a:lnTo>
                <a:cubicBezTo>
                  <a:pt x="260315" y="111948"/>
                  <a:pt x="255019" y="94483"/>
                  <a:pt x="246008" y="78782"/>
                </a:cubicBezTo>
                <a:lnTo>
                  <a:pt x="245729" y="78317"/>
                </a:lnTo>
                <a:lnTo>
                  <a:pt x="245172" y="78317"/>
                </a:lnTo>
                <a:cubicBezTo>
                  <a:pt x="234302" y="80733"/>
                  <a:pt x="223339" y="82591"/>
                  <a:pt x="212377" y="84170"/>
                </a:cubicBezTo>
                <a:lnTo>
                  <a:pt x="211541" y="84170"/>
                </a:lnTo>
                <a:close/>
                <a:moveTo>
                  <a:pt x="185528" y="25920"/>
                </a:moveTo>
                <a:lnTo>
                  <a:pt x="187107" y="28150"/>
                </a:lnTo>
                <a:cubicBezTo>
                  <a:pt x="190545" y="32795"/>
                  <a:pt x="193610" y="37812"/>
                  <a:pt x="196304" y="42921"/>
                </a:cubicBezTo>
                <a:cubicBezTo>
                  <a:pt x="200485" y="50725"/>
                  <a:pt x="203923" y="58994"/>
                  <a:pt x="206710" y="67448"/>
                </a:cubicBezTo>
                <a:lnTo>
                  <a:pt x="206895" y="68005"/>
                </a:lnTo>
                <a:lnTo>
                  <a:pt x="207546" y="68005"/>
                </a:lnTo>
                <a:cubicBezTo>
                  <a:pt x="216464" y="66705"/>
                  <a:pt x="225290" y="65218"/>
                  <a:pt x="234209" y="63546"/>
                </a:cubicBezTo>
                <a:lnTo>
                  <a:pt x="235417" y="63267"/>
                </a:lnTo>
                <a:lnTo>
                  <a:pt x="234674" y="62338"/>
                </a:lnTo>
                <a:cubicBezTo>
                  <a:pt x="231979" y="59086"/>
                  <a:pt x="229192" y="55928"/>
                  <a:pt x="226219" y="52955"/>
                </a:cubicBezTo>
                <a:cubicBezTo>
                  <a:pt x="215257" y="41992"/>
                  <a:pt x="202343" y="33166"/>
                  <a:pt x="188129" y="27035"/>
                </a:cubicBezTo>
                <a:lnTo>
                  <a:pt x="185621" y="25920"/>
                </a:lnTo>
                <a:close/>
                <a:moveTo>
                  <a:pt x="93554" y="25920"/>
                </a:moveTo>
                <a:lnTo>
                  <a:pt x="91045" y="27035"/>
                </a:lnTo>
                <a:cubicBezTo>
                  <a:pt x="76831" y="33166"/>
                  <a:pt x="63917" y="41992"/>
                  <a:pt x="52955" y="52955"/>
                </a:cubicBezTo>
                <a:cubicBezTo>
                  <a:pt x="49982" y="55928"/>
                  <a:pt x="47195" y="58994"/>
                  <a:pt x="44594" y="62245"/>
                </a:cubicBezTo>
                <a:lnTo>
                  <a:pt x="43850" y="63174"/>
                </a:lnTo>
                <a:lnTo>
                  <a:pt x="45058" y="63360"/>
                </a:lnTo>
                <a:cubicBezTo>
                  <a:pt x="53884" y="64939"/>
                  <a:pt x="62710" y="66426"/>
                  <a:pt x="71628" y="67541"/>
                </a:cubicBezTo>
                <a:lnTo>
                  <a:pt x="72186" y="67541"/>
                </a:lnTo>
                <a:lnTo>
                  <a:pt x="72372" y="67076"/>
                </a:lnTo>
                <a:cubicBezTo>
                  <a:pt x="75159" y="58715"/>
                  <a:pt x="78503" y="50632"/>
                  <a:pt x="82684" y="42828"/>
                </a:cubicBezTo>
                <a:cubicBezTo>
                  <a:pt x="85378" y="37719"/>
                  <a:pt x="88444" y="32795"/>
                  <a:pt x="91881" y="28057"/>
                </a:cubicBezTo>
                <a:lnTo>
                  <a:pt x="93461" y="25827"/>
                </a:lnTo>
                <a:close/>
                <a:moveTo>
                  <a:pt x="93554" y="253068"/>
                </a:moveTo>
                <a:lnTo>
                  <a:pt x="91974" y="250839"/>
                </a:lnTo>
                <a:cubicBezTo>
                  <a:pt x="88537" y="246194"/>
                  <a:pt x="85471" y="241177"/>
                  <a:pt x="82777" y="236067"/>
                </a:cubicBezTo>
                <a:cubicBezTo>
                  <a:pt x="78689" y="228356"/>
                  <a:pt x="75345" y="220274"/>
                  <a:pt x="72557" y="212005"/>
                </a:cubicBezTo>
                <a:lnTo>
                  <a:pt x="72372" y="211448"/>
                </a:lnTo>
                <a:lnTo>
                  <a:pt x="71721" y="211448"/>
                </a:lnTo>
                <a:cubicBezTo>
                  <a:pt x="62988" y="212841"/>
                  <a:pt x="54255" y="214514"/>
                  <a:pt x="45615" y="216279"/>
                </a:cubicBezTo>
                <a:lnTo>
                  <a:pt x="44408" y="216557"/>
                </a:lnTo>
                <a:lnTo>
                  <a:pt x="45151" y="217486"/>
                </a:lnTo>
                <a:cubicBezTo>
                  <a:pt x="47659" y="220459"/>
                  <a:pt x="50261" y="223339"/>
                  <a:pt x="52955" y="226126"/>
                </a:cubicBezTo>
                <a:cubicBezTo>
                  <a:pt x="63917" y="237089"/>
                  <a:pt x="76831" y="245915"/>
                  <a:pt x="91045" y="252046"/>
                </a:cubicBezTo>
                <a:lnTo>
                  <a:pt x="93554" y="253161"/>
                </a:lnTo>
                <a:close/>
                <a:moveTo>
                  <a:pt x="185528" y="253068"/>
                </a:moveTo>
                <a:lnTo>
                  <a:pt x="188036" y="251954"/>
                </a:lnTo>
                <a:cubicBezTo>
                  <a:pt x="202250" y="245822"/>
                  <a:pt x="215164" y="236996"/>
                  <a:pt x="226126" y="226034"/>
                </a:cubicBezTo>
                <a:cubicBezTo>
                  <a:pt x="228914" y="223246"/>
                  <a:pt x="231608" y="220366"/>
                  <a:pt x="234116" y="217301"/>
                </a:cubicBezTo>
                <a:lnTo>
                  <a:pt x="234859" y="216372"/>
                </a:lnTo>
                <a:lnTo>
                  <a:pt x="233652" y="216093"/>
                </a:lnTo>
                <a:cubicBezTo>
                  <a:pt x="225012" y="214235"/>
                  <a:pt x="216279" y="212563"/>
                  <a:pt x="207546" y="211169"/>
                </a:cubicBezTo>
                <a:lnTo>
                  <a:pt x="206895" y="211169"/>
                </a:lnTo>
                <a:lnTo>
                  <a:pt x="206710" y="211634"/>
                </a:lnTo>
                <a:cubicBezTo>
                  <a:pt x="203923" y="219995"/>
                  <a:pt x="200485" y="228170"/>
                  <a:pt x="196397" y="235974"/>
                </a:cubicBezTo>
                <a:cubicBezTo>
                  <a:pt x="193703" y="241084"/>
                  <a:pt x="190637" y="246008"/>
                  <a:pt x="187200" y="250746"/>
                </a:cubicBezTo>
                <a:lnTo>
                  <a:pt x="185621" y="252975"/>
                </a:lnTo>
                <a:close/>
                <a:moveTo>
                  <a:pt x="211634" y="194632"/>
                </a:moveTo>
                <a:lnTo>
                  <a:pt x="212377" y="194632"/>
                </a:lnTo>
                <a:cubicBezTo>
                  <a:pt x="223246" y="196490"/>
                  <a:pt x="234023" y="198627"/>
                  <a:pt x="244707" y="201136"/>
                </a:cubicBezTo>
                <a:lnTo>
                  <a:pt x="245264" y="201136"/>
                </a:lnTo>
                <a:lnTo>
                  <a:pt x="245543" y="200764"/>
                </a:lnTo>
                <a:cubicBezTo>
                  <a:pt x="254741" y="184877"/>
                  <a:pt x="260222" y="167040"/>
                  <a:pt x="261615" y="148738"/>
                </a:cubicBezTo>
                <a:lnTo>
                  <a:pt x="261615" y="147902"/>
                </a:lnTo>
                <a:lnTo>
                  <a:pt x="217672" y="147902"/>
                </a:lnTo>
                <a:lnTo>
                  <a:pt x="217672" y="148645"/>
                </a:lnTo>
                <a:cubicBezTo>
                  <a:pt x="217115" y="163788"/>
                  <a:pt x="215257" y="179025"/>
                  <a:pt x="211726" y="193796"/>
                </a:cubicBezTo>
                <a:lnTo>
                  <a:pt x="211541" y="194539"/>
                </a:lnTo>
                <a:close/>
                <a:moveTo>
                  <a:pt x="33817" y="201321"/>
                </a:moveTo>
                <a:lnTo>
                  <a:pt x="34374" y="201321"/>
                </a:lnTo>
                <a:cubicBezTo>
                  <a:pt x="45151" y="198813"/>
                  <a:pt x="55928" y="196769"/>
                  <a:pt x="66797" y="195004"/>
                </a:cubicBezTo>
                <a:lnTo>
                  <a:pt x="67541" y="195004"/>
                </a:lnTo>
                <a:lnTo>
                  <a:pt x="67355" y="194075"/>
                </a:lnTo>
                <a:cubicBezTo>
                  <a:pt x="63825" y="179210"/>
                  <a:pt x="61966" y="163881"/>
                  <a:pt x="61409" y="148645"/>
                </a:cubicBezTo>
                <a:lnTo>
                  <a:pt x="61409" y="147902"/>
                </a:lnTo>
                <a:lnTo>
                  <a:pt x="17373" y="147902"/>
                </a:lnTo>
                <a:lnTo>
                  <a:pt x="17373" y="148738"/>
                </a:lnTo>
                <a:cubicBezTo>
                  <a:pt x="18859" y="167133"/>
                  <a:pt x="24341" y="184877"/>
                  <a:pt x="33631" y="200857"/>
                </a:cubicBezTo>
                <a:lnTo>
                  <a:pt x="33910" y="201321"/>
                </a:lnTo>
                <a:close/>
                <a:moveTo>
                  <a:pt x="131830" y="72279"/>
                </a:moveTo>
                <a:lnTo>
                  <a:pt x="131830" y="18023"/>
                </a:lnTo>
                <a:lnTo>
                  <a:pt x="130901" y="18302"/>
                </a:lnTo>
                <a:cubicBezTo>
                  <a:pt x="116036" y="22761"/>
                  <a:pt x="104702" y="37719"/>
                  <a:pt x="97734" y="50911"/>
                </a:cubicBezTo>
                <a:cubicBezTo>
                  <a:pt x="94668" y="56671"/>
                  <a:pt x="92067" y="62710"/>
                  <a:pt x="89837" y="68841"/>
                </a:cubicBezTo>
                <a:lnTo>
                  <a:pt x="89559" y="69770"/>
                </a:lnTo>
                <a:lnTo>
                  <a:pt x="90488" y="69770"/>
                </a:lnTo>
                <a:cubicBezTo>
                  <a:pt x="103959" y="71164"/>
                  <a:pt x="117523" y="72000"/>
                  <a:pt x="131179" y="72279"/>
                </a:cubicBezTo>
                <a:lnTo>
                  <a:pt x="131923" y="72279"/>
                </a:lnTo>
                <a:close/>
                <a:moveTo>
                  <a:pt x="84542" y="86307"/>
                </a:moveTo>
                <a:lnTo>
                  <a:pt x="84356" y="86957"/>
                </a:lnTo>
                <a:cubicBezTo>
                  <a:pt x="80919" y="101172"/>
                  <a:pt x="79061" y="115665"/>
                  <a:pt x="78410" y="130250"/>
                </a:cubicBezTo>
                <a:lnTo>
                  <a:pt x="78410" y="130994"/>
                </a:lnTo>
                <a:lnTo>
                  <a:pt x="131737" y="130994"/>
                </a:lnTo>
                <a:lnTo>
                  <a:pt x="131737" y="89280"/>
                </a:lnTo>
                <a:lnTo>
                  <a:pt x="130994" y="89280"/>
                </a:lnTo>
                <a:cubicBezTo>
                  <a:pt x="115665" y="89001"/>
                  <a:pt x="100335" y="87979"/>
                  <a:pt x="85006" y="86400"/>
                </a:cubicBezTo>
                <a:lnTo>
                  <a:pt x="84356" y="86400"/>
                </a:lnTo>
                <a:close/>
                <a:moveTo>
                  <a:pt x="131830" y="189244"/>
                </a:moveTo>
                <a:lnTo>
                  <a:pt x="131830" y="147995"/>
                </a:lnTo>
                <a:lnTo>
                  <a:pt x="78410" y="147995"/>
                </a:lnTo>
                <a:lnTo>
                  <a:pt x="78410" y="148738"/>
                </a:lnTo>
                <a:cubicBezTo>
                  <a:pt x="78968" y="163231"/>
                  <a:pt x="80826" y="177817"/>
                  <a:pt x="84356" y="191938"/>
                </a:cubicBezTo>
                <a:lnTo>
                  <a:pt x="84542" y="192588"/>
                </a:lnTo>
                <a:lnTo>
                  <a:pt x="85192" y="192588"/>
                </a:lnTo>
                <a:cubicBezTo>
                  <a:pt x="100428" y="190730"/>
                  <a:pt x="115757" y="189615"/>
                  <a:pt x="131179" y="189244"/>
                </a:cubicBezTo>
                <a:lnTo>
                  <a:pt x="131923" y="189244"/>
                </a:lnTo>
                <a:close/>
                <a:moveTo>
                  <a:pt x="131830" y="260965"/>
                </a:moveTo>
                <a:lnTo>
                  <a:pt x="131830" y="206245"/>
                </a:lnTo>
                <a:lnTo>
                  <a:pt x="131086" y="206245"/>
                </a:lnTo>
                <a:cubicBezTo>
                  <a:pt x="117523" y="206617"/>
                  <a:pt x="103866" y="207546"/>
                  <a:pt x="90395" y="209032"/>
                </a:cubicBezTo>
                <a:lnTo>
                  <a:pt x="89466" y="209032"/>
                </a:lnTo>
                <a:lnTo>
                  <a:pt x="89745" y="210054"/>
                </a:lnTo>
                <a:cubicBezTo>
                  <a:pt x="91974" y="216279"/>
                  <a:pt x="94575" y="222317"/>
                  <a:pt x="97734" y="228170"/>
                </a:cubicBezTo>
                <a:cubicBezTo>
                  <a:pt x="104702" y="241270"/>
                  <a:pt x="116036" y="256320"/>
                  <a:pt x="130901" y="260779"/>
                </a:cubicBezTo>
                <a:lnTo>
                  <a:pt x="131830" y="261058"/>
                </a:lnTo>
                <a:close/>
                <a:moveTo>
                  <a:pt x="148924" y="206245"/>
                </a:moveTo>
                <a:lnTo>
                  <a:pt x="148924" y="260501"/>
                </a:lnTo>
                <a:lnTo>
                  <a:pt x="149946" y="260129"/>
                </a:lnTo>
                <a:cubicBezTo>
                  <a:pt x="163974" y="255112"/>
                  <a:pt x="174658" y="240805"/>
                  <a:pt x="181440" y="228077"/>
                </a:cubicBezTo>
                <a:cubicBezTo>
                  <a:pt x="184599" y="222132"/>
                  <a:pt x="187200" y="216000"/>
                  <a:pt x="189523" y="209683"/>
                </a:cubicBezTo>
                <a:lnTo>
                  <a:pt x="189801" y="208846"/>
                </a:lnTo>
                <a:lnTo>
                  <a:pt x="188872" y="208846"/>
                </a:lnTo>
                <a:cubicBezTo>
                  <a:pt x="175866" y="207267"/>
                  <a:pt x="162766" y="206431"/>
                  <a:pt x="149667" y="206245"/>
                </a:cubicBezTo>
                <a:lnTo>
                  <a:pt x="148924" y="206245"/>
                </a:lnTo>
                <a:close/>
                <a:moveTo>
                  <a:pt x="194725" y="192310"/>
                </a:moveTo>
                <a:lnTo>
                  <a:pt x="194911" y="191659"/>
                </a:lnTo>
                <a:cubicBezTo>
                  <a:pt x="198348" y="177631"/>
                  <a:pt x="200114" y="163231"/>
                  <a:pt x="200671" y="148738"/>
                </a:cubicBezTo>
                <a:lnTo>
                  <a:pt x="200671" y="147995"/>
                </a:lnTo>
                <a:lnTo>
                  <a:pt x="148924" y="147995"/>
                </a:lnTo>
                <a:lnTo>
                  <a:pt x="148924" y="189151"/>
                </a:lnTo>
                <a:lnTo>
                  <a:pt x="149667" y="189151"/>
                </a:lnTo>
                <a:cubicBezTo>
                  <a:pt x="164532" y="189430"/>
                  <a:pt x="179303" y="190452"/>
                  <a:pt x="194075" y="192217"/>
                </a:cubicBezTo>
                <a:lnTo>
                  <a:pt x="194725" y="192217"/>
                </a:lnTo>
                <a:close/>
                <a:moveTo>
                  <a:pt x="194725" y="86679"/>
                </a:moveTo>
                <a:lnTo>
                  <a:pt x="194075" y="86679"/>
                </a:lnTo>
                <a:cubicBezTo>
                  <a:pt x="179303" y="88258"/>
                  <a:pt x="164532" y="89187"/>
                  <a:pt x="149667" y="89373"/>
                </a:cubicBezTo>
                <a:lnTo>
                  <a:pt x="148924" y="89373"/>
                </a:lnTo>
                <a:lnTo>
                  <a:pt x="148924" y="131086"/>
                </a:lnTo>
                <a:lnTo>
                  <a:pt x="200671" y="131086"/>
                </a:lnTo>
                <a:lnTo>
                  <a:pt x="200671" y="130343"/>
                </a:lnTo>
                <a:cubicBezTo>
                  <a:pt x="200114" y="115850"/>
                  <a:pt x="198255" y="101450"/>
                  <a:pt x="194818" y="87329"/>
                </a:cubicBezTo>
                <a:lnTo>
                  <a:pt x="194632" y="86679"/>
                </a:lnTo>
                <a:close/>
                <a:moveTo>
                  <a:pt x="189801" y="70049"/>
                </a:moveTo>
                <a:lnTo>
                  <a:pt x="189523" y="69120"/>
                </a:lnTo>
                <a:cubicBezTo>
                  <a:pt x="187293" y="62895"/>
                  <a:pt x="184599" y="56764"/>
                  <a:pt x="181533" y="50911"/>
                </a:cubicBezTo>
                <a:cubicBezTo>
                  <a:pt x="174751" y="38183"/>
                  <a:pt x="164067" y="23876"/>
                  <a:pt x="150039" y="18859"/>
                </a:cubicBezTo>
                <a:lnTo>
                  <a:pt x="149017" y="18488"/>
                </a:lnTo>
                <a:lnTo>
                  <a:pt x="149017" y="72279"/>
                </a:lnTo>
                <a:lnTo>
                  <a:pt x="149760" y="72279"/>
                </a:lnTo>
                <a:cubicBezTo>
                  <a:pt x="162859" y="72093"/>
                  <a:pt x="175866" y="71350"/>
                  <a:pt x="188872" y="70049"/>
                </a:cubicBezTo>
                <a:lnTo>
                  <a:pt x="189801" y="70049"/>
                </a:lnTo>
                <a:close/>
                <a:moveTo>
                  <a:pt x="139541" y="0"/>
                </a:moveTo>
                <a:cubicBezTo>
                  <a:pt x="176702" y="0"/>
                  <a:pt x="211912" y="14586"/>
                  <a:pt x="238204" y="40877"/>
                </a:cubicBezTo>
                <a:cubicBezTo>
                  <a:pt x="264495" y="67169"/>
                  <a:pt x="279081" y="102379"/>
                  <a:pt x="279081" y="139541"/>
                </a:cubicBezTo>
                <a:cubicBezTo>
                  <a:pt x="279081" y="176702"/>
                  <a:pt x="264495" y="211912"/>
                  <a:pt x="238204" y="238204"/>
                </a:cubicBezTo>
                <a:cubicBezTo>
                  <a:pt x="211912" y="264496"/>
                  <a:pt x="176702" y="279081"/>
                  <a:pt x="139541" y="279081"/>
                </a:cubicBezTo>
                <a:cubicBezTo>
                  <a:pt x="102379" y="279081"/>
                  <a:pt x="67169" y="264496"/>
                  <a:pt x="40877" y="238204"/>
                </a:cubicBezTo>
                <a:cubicBezTo>
                  <a:pt x="14586" y="211912"/>
                  <a:pt x="0" y="176609"/>
                  <a:pt x="0" y="139541"/>
                </a:cubicBezTo>
                <a:cubicBezTo>
                  <a:pt x="0" y="102472"/>
                  <a:pt x="14586" y="67076"/>
                  <a:pt x="40877" y="40877"/>
                </a:cubicBezTo>
                <a:cubicBezTo>
                  <a:pt x="67076" y="14586"/>
                  <a:pt x="102379" y="0"/>
                  <a:pt x="139541" y="0"/>
                </a:cubicBezTo>
                <a:close/>
              </a:path>
            </a:pathLst>
          </a:custGeom>
          <a:solidFill>
            <a:srgbClr val="FFFFFF"/>
          </a:solidFill>
          <a:ln w="9286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11" name="Rectangle 10">
            <a:hlinkClick r:id="rId7"/>
            <a:extLst>
              <a:ext uri="{FF2B5EF4-FFF2-40B4-BE49-F238E27FC236}">
                <a16:creationId xmlns:a16="http://schemas.microsoft.com/office/drawing/2014/main" id="{A7ADEB60-8AC0-B283-1EC1-415DCCA707F3}"/>
              </a:ext>
            </a:extLst>
          </p:cNvPr>
          <p:cNvSpPr>
            <a:spLocks/>
          </p:cNvSpPr>
          <p:nvPr userDrawn="1"/>
        </p:nvSpPr>
        <p:spPr>
          <a:xfrm>
            <a:off x="11216908" y="5691221"/>
            <a:ext cx="356739" cy="36512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2" name="Rectangle 11">
            <a:hlinkClick r:id="rId8"/>
            <a:extLst>
              <a:ext uri="{FF2B5EF4-FFF2-40B4-BE49-F238E27FC236}">
                <a16:creationId xmlns:a16="http://schemas.microsoft.com/office/drawing/2014/main" id="{176E0579-77F6-4AAA-B0AE-902E2F103EC8}"/>
              </a:ext>
            </a:extLst>
          </p:cNvPr>
          <p:cNvSpPr>
            <a:spLocks/>
          </p:cNvSpPr>
          <p:nvPr userDrawn="1"/>
        </p:nvSpPr>
        <p:spPr>
          <a:xfrm>
            <a:off x="10161756" y="5691222"/>
            <a:ext cx="356739" cy="36512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3" name="Rectangle 12">
            <a:hlinkClick r:id="rId9"/>
            <a:extLst>
              <a:ext uri="{FF2B5EF4-FFF2-40B4-BE49-F238E27FC236}">
                <a16:creationId xmlns:a16="http://schemas.microsoft.com/office/drawing/2014/main" id="{203AC37E-0D2C-7BFD-0B00-1B0EF5EDCAA2}"/>
              </a:ext>
            </a:extLst>
          </p:cNvPr>
          <p:cNvSpPr>
            <a:spLocks/>
          </p:cNvSpPr>
          <p:nvPr userDrawn="1"/>
        </p:nvSpPr>
        <p:spPr>
          <a:xfrm>
            <a:off x="10699761" y="5691222"/>
            <a:ext cx="356739" cy="36512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5" name="Rectangle 14">
            <a:hlinkClick r:id="rId10"/>
            <a:extLst>
              <a:ext uri="{FF2B5EF4-FFF2-40B4-BE49-F238E27FC236}">
                <a16:creationId xmlns:a16="http://schemas.microsoft.com/office/drawing/2014/main" id="{307239C6-73A2-F953-B80A-5A2C581AB262}"/>
              </a:ext>
            </a:extLst>
          </p:cNvPr>
          <p:cNvSpPr>
            <a:spLocks/>
          </p:cNvSpPr>
          <p:nvPr userDrawn="1"/>
        </p:nvSpPr>
        <p:spPr>
          <a:xfrm>
            <a:off x="9623751" y="5691220"/>
            <a:ext cx="356739" cy="36512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427394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976" userDrawn="1">
          <p15:clr>
            <a:srgbClr val="FF96FF"/>
          </p15:clr>
        </p15:guide>
        <p15:guide id="4" orient="horz" pos="3344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90" userDrawn="1">
          <p15:clr>
            <a:srgbClr val="FF96FF"/>
          </p15:clr>
        </p15:guide>
        <p15:guide id="8" pos="7389" userDrawn="1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_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2DF84161-4046-39C2-5268-7DC194063003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r="20548"/>
          <a:stretch/>
        </p:blipFill>
        <p:spPr>
          <a:xfrm>
            <a:off x="6198290" y="0"/>
            <a:ext cx="5993710" cy="6858000"/>
          </a:xfrm>
          <a:prstGeom prst="rect">
            <a:avLst/>
          </a:prstGeom>
        </p:spPr>
      </p:pic>
      <p:pic>
        <p:nvPicPr>
          <p:cNvPr id="18" name="Graphic 17">
            <a:extLst>
              <a:ext uri="{FF2B5EF4-FFF2-40B4-BE49-F238E27FC236}">
                <a16:creationId xmlns:a16="http://schemas.microsoft.com/office/drawing/2014/main" id="{B4F6E2DD-2512-4790-3762-08451DD5B1DC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89250" y="1081860"/>
            <a:ext cx="3420000" cy="433879"/>
          </a:xfrm>
          <a:prstGeom prst="rect">
            <a:avLst/>
          </a:prstGeom>
        </p:spPr>
      </p:pic>
      <p:sp>
        <p:nvSpPr>
          <p:cNvPr id="12" name="Guides" hidden="1">
            <a:extLst>
              <a:ext uri="{FF2B5EF4-FFF2-40B4-BE49-F238E27FC236}">
                <a16:creationId xmlns:a16="http://schemas.microsoft.com/office/drawing/2014/main" id="{8FC47DC6-9EFA-BE77-5D21-29976315FD80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8D0DFD94-BDC6-769E-2D21-A86D7B7BE24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89250" y="5694475"/>
            <a:ext cx="2191110" cy="365125"/>
          </a:xfrm>
        </p:spPr>
        <p:txBody>
          <a:bodyPr/>
          <a:lstStyle>
            <a:lvl1pPr>
              <a:defRPr>
                <a:solidFill>
                  <a:srgbClr val="EBE4F3"/>
                </a:solidFill>
              </a:defRPr>
            </a:lvl1pPr>
          </a:lstStyle>
          <a:p>
            <a:r>
              <a:rPr lang="en-GB" dirty="0">
                <a:latin typeface="Avenir Next LT Pro" panose="020B0504020202020204" pitchFamily="34" charset="0"/>
              </a:rPr>
              <a:t>Transforming Lives.</a:t>
            </a:r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3E030340-0453-F1B2-EF64-BDB3D3DAFF8D}"/>
              </a:ext>
            </a:extLst>
          </p:cNvPr>
          <p:cNvSpPr/>
          <p:nvPr userDrawn="1"/>
        </p:nvSpPr>
        <p:spPr>
          <a:xfrm>
            <a:off x="10791127" y="5732152"/>
            <a:ext cx="154126" cy="286234"/>
          </a:xfrm>
          <a:custGeom>
            <a:avLst/>
            <a:gdLst>
              <a:gd name="connsiteX0" fmla="*/ 154126 w 154126"/>
              <a:gd name="connsiteY0" fmla="*/ 50539 h 286234"/>
              <a:gd name="connsiteX1" fmla="*/ 154126 w 154126"/>
              <a:gd name="connsiteY1" fmla="*/ 0 h 286234"/>
              <a:gd name="connsiteX2" fmla="*/ 109440 w 154126"/>
              <a:gd name="connsiteY2" fmla="*/ 0 h 286234"/>
              <a:gd name="connsiteX3" fmla="*/ 45337 w 154126"/>
              <a:gd name="connsiteY3" fmla="*/ 64103 h 286234"/>
              <a:gd name="connsiteX4" fmla="*/ 45337 w 154126"/>
              <a:gd name="connsiteY4" fmla="*/ 110276 h 286234"/>
              <a:gd name="connsiteX5" fmla="*/ 0 w 154126"/>
              <a:gd name="connsiteY5" fmla="*/ 110276 h 286234"/>
              <a:gd name="connsiteX6" fmla="*/ 0 w 154126"/>
              <a:gd name="connsiteY6" fmla="*/ 163045 h 286234"/>
              <a:gd name="connsiteX7" fmla="*/ 45337 w 154126"/>
              <a:gd name="connsiteY7" fmla="*/ 163045 h 286234"/>
              <a:gd name="connsiteX8" fmla="*/ 45337 w 154126"/>
              <a:gd name="connsiteY8" fmla="*/ 286235 h 286234"/>
              <a:gd name="connsiteX9" fmla="*/ 100707 w 154126"/>
              <a:gd name="connsiteY9" fmla="*/ 286235 h 286234"/>
              <a:gd name="connsiteX10" fmla="*/ 100707 w 154126"/>
              <a:gd name="connsiteY10" fmla="*/ 162209 h 286234"/>
              <a:gd name="connsiteX11" fmla="*/ 142142 w 154126"/>
              <a:gd name="connsiteY11" fmla="*/ 162209 h 286234"/>
              <a:gd name="connsiteX12" fmla="*/ 150039 w 154126"/>
              <a:gd name="connsiteY12" fmla="*/ 109905 h 286234"/>
              <a:gd name="connsiteX13" fmla="*/ 100614 w 154126"/>
              <a:gd name="connsiteY13" fmla="*/ 109905 h 286234"/>
              <a:gd name="connsiteX14" fmla="*/ 100614 w 154126"/>
              <a:gd name="connsiteY14" fmla="*/ 72650 h 286234"/>
              <a:gd name="connsiteX15" fmla="*/ 122725 w 154126"/>
              <a:gd name="connsiteY15" fmla="*/ 50539 h 286234"/>
              <a:gd name="connsiteX16" fmla="*/ 153941 w 154126"/>
              <a:gd name="connsiteY16" fmla="*/ 50539 h 2862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54126" h="286234">
                <a:moveTo>
                  <a:pt x="154126" y="50539"/>
                </a:moveTo>
                <a:lnTo>
                  <a:pt x="154126" y="0"/>
                </a:lnTo>
                <a:lnTo>
                  <a:pt x="109440" y="0"/>
                </a:lnTo>
                <a:cubicBezTo>
                  <a:pt x="74044" y="0"/>
                  <a:pt x="45337" y="28707"/>
                  <a:pt x="45337" y="64103"/>
                </a:cubicBezTo>
                <a:lnTo>
                  <a:pt x="45337" y="110276"/>
                </a:lnTo>
                <a:lnTo>
                  <a:pt x="0" y="110276"/>
                </a:lnTo>
                <a:lnTo>
                  <a:pt x="0" y="163045"/>
                </a:lnTo>
                <a:lnTo>
                  <a:pt x="45337" y="163045"/>
                </a:lnTo>
                <a:lnTo>
                  <a:pt x="45337" y="286235"/>
                </a:lnTo>
                <a:lnTo>
                  <a:pt x="100707" y="286235"/>
                </a:lnTo>
                <a:lnTo>
                  <a:pt x="100707" y="162209"/>
                </a:lnTo>
                <a:lnTo>
                  <a:pt x="142142" y="162209"/>
                </a:lnTo>
                <a:lnTo>
                  <a:pt x="150039" y="109905"/>
                </a:lnTo>
                <a:lnTo>
                  <a:pt x="100614" y="109905"/>
                </a:lnTo>
                <a:lnTo>
                  <a:pt x="100614" y="72650"/>
                </a:lnTo>
                <a:cubicBezTo>
                  <a:pt x="100614" y="60480"/>
                  <a:pt x="110555" y="50539"/>
                  <a:pt x="122725" y="50539"/>
                </a:cubicBezTo>
                <a:lnTo>
                  <a:pt x="153941" y="50539"/>
                </a:lnTo>
                <a:close/>
              </a:path>
            </a:pathLst>
          </a:custGeom>
          <a:solidFill>
            <a:schemeClr val="accent1"/>
          </a:solidFill>
          <a:ln w="9286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grpSp>
        <p:nvGrpSpPr>
          <p:cNvPr id="6" name="Graphic 7">
            <a:extLst>
              <a:ext uri="{FF2B5EF4-FFF2-40B4-BE49-F238E27FC236}">
                <a16:creationId xmlns:a16="http://schemas.microsoft.com/office/drawing/2014/main" id="{DA146EC6-E499-1137-E7A1-8A13EFE63155}"/>
              </a:ext>
            </a:extLst>
          </p:cNvPr>
          <p:cNvGrpSpPr/>
          <p:nvPr userDrawn="1"/>
        </p:nvGrpSpPr>
        <p:grpSpPr>
          <a:xfrm>
            <a:off x="10204998" y="5742513"/>
            <a:ext cx="270255" cy="270905"/>
            <a:chOff x="10224422" y="5738425"/>
            <a:chExt cx="270255" cy="270905"/>
          </a:xfrm>
          <a:solidFill>
            <a:schemeClr val="accent1"/>
          </a:solidFill>
        </p:grpSpPr>
        <p:sp>
          <p:nvSpPr>
            <p:cNvPr id="7" name="Freeform: Shape 6">
              <a:extLst>
                <a:ext uri="{FF2B5EF4-FFF2-40B4-BE49-F238E27FC236}">
                  <a16:creationId xmlns:a16="http://schemas.microsoft.com/office/drawing/2014/main" id="{69D7B694-BF95-F565-92FB-586A8929FADF}"/>
                </a:ext>
              </a:extLst>
            </p:cNvPr>
            <p:cNvSpPr/>
            <p:nvPr/>
          </p:nvSpPr>
          <p:spPr>
            <a:xfrm>
              <a:off x="10228882" y="5830771"/>
              <a:ext cx="54069" cy="178467"/>
            </a:xfrm>
            <a:custGeom>
              <a:avLst/>
              <a:gdLst>
                <a:gd name="connsiteX0" fmla="*/ 0 w 54069"/>
                <a:gd name="connsiteY0" fmla="*/ 0 h 178467"/>
                <a:gd name="connsiteX1" fmla="*/ 54070 w 54069"/>
                <a:gd name="connsiteY1" fmla="*/ 0 h 178467"/>
                <a:gd name="connsiteX2" fmla="*/ 54070 w 54069"/>
                <a:gd name="connsiteY2" fmla="*/ 178467 h 178467"/>
                <a:gd name="connsiteX3" fmla="*/ 0 w 54069"/>
                <a:gd name="connsiteY3" fmla="*/ 178467 h 178467"/>
                <a:gd name="connsiteX4" fmla="*/ 0 w 54069"/>
                <a:gd name="connsiteY4" fmla="*/ 0 h 1784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4069" h="178467">
                  <a:moveTo>
                    <a:pt x="0" y="0"/>
                  </a:moveTo>
                  <a:lnTo>
                    <a:pt x="54070" y="0"/>
                  </a:lnTo>
                  <a:lnTo>
                    <a:pt x="54070" y="178467"/>
                  </a:lnTo>
                  <a:lnTo>
                    <a:pt x="0" y="178467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9286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F50EC68E-0D4B-0CF1-F4A2-433AF2592EFF}"/>
                </a:ext>
              </a:extLst>
            </p:cNvPr>
            <p:cNvSpPr/>
            <p:nvPr/>
          </p:nvSpPr>
          <p:spPr>
            <a:xfrm>
              <a:off x="10318348" y="5822781"/>
              <a:ext cx="176330" cy="186549"/>
            </a:xfrm>
            <a:custGeom>
              <a:avLst/>
              <a:gdLst>
                <a:gd name="connsiteX0" fmla="*/ 464 w 176330"/>
                <a:gd name="connsiteY0" fmla="*/ 63360 h 186549"/>
                <a:gd name="connsiteX1" fmla="*/ 0 w 176330"/>
                <a:gd name="connsiteY1" fmla="*/ 5295 h 186549"/>
                <a:gd name="connsiteX2" fmla="*/ 52397 w 176330"/>
                <a:gd name="connsiteY2" fmla="*/ 5295 h 186549"/>
                <a:gd name="connsiteX3" fmla="*/ 54441 w 176330"/>
                <a:gd name="connsiteY3" fmla="*/ 31401 h 186549"/>
                <a:gd name="connsiteX4" fmla="*/ 118916 w 176330"/>
                <a:gd name="connsiteY4" fmla="*/ 0 h 186549"/>
                <a:gd name="connsiteX5" fmla="*/ 176330 w 176330"/>
                <a:gd name="connsiteY5" fmla="*/ 87515 h 186549"/>
                <a:gd name="connsiteX6" fmla="*/ 176330 w 176330"/>
                <a:gd name="connsiteY6" fmla="*/ 186550 h 186549"/>
                <a:gd name="connsiteX7" fmla="*/ 122261 w 176330"/>
                <a:gd name="connsiteY7" fmla="*/ 186550 h 186549"/>
                <a:gd name="connsiteX8" fmla="*/ 122261 w 176330"/>
                <a:gd name="connsiteY8" fmla="*/ 93739 h 186549"/>
                <a:gd name="connsiteX9" fmla="*/ 93739 w 176330"/>
                <a:gd name="connsiteY9" fmla="*/ 47288 h 186549"/>
                <a:gd name="connsiteX10" fmla="*/ 54441 w 176330"/>
                <a:gd name="connsiteY10" fmla="*/ 107117 h 186549"/>
                <a:gd name="connsiteX11" fmla="*/ 54441 w 176330"/>
                <a:gd name="connsiteY11" fmla="*/ 186550 h 186549"/>
                <a:gd name="connsiteX12" fmla="*/ 372 w 176330"/>
                <a:gd name="connsiteY12" fmla="*/ 186550 h 186549"/>
                <a:gd name="connsiteX13" fmla="*/ 372 w 176330"/>
                <a:gd name="connsiteY13" fmla="*/ 63360 h 1865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176330" h="186549">
                  <a:moveTo>
                    <a:pt x="464" y="63360"/>
                  </a:moveTo>
                  <a:cubicBezTo>
                    <a:pt x="464" y="44594"/>
                    <a:pt x="464" y="21832"/>
                    <a:pt x="0" y="5295"/>
                  </a:cubicBezTo>
                  <a:lnTo>
                    <a:pt x="52397" y="5295"/>
                  </a:lnTo>
                  <a:cubicBezTo>
                    <a:pt x="53605" y="11241"/>
                    <a:pt x="54255" y="24526"/>
                    <a:pt x="54441" y="31401"/>
                  </a:cubicBezTo>
                  <a:cubicBezTo>
                    <a:pt x="62338" y="16072"/>
                    <a:pt x="79246" y="0"/>
                    <a:pt x="118916" y="0"/>
                  </a:cubicBezTo>
                  <a:cubicBezTo>
                    <a:pt x="162209" y="0"/>
                    <a:pt x="176330" y="31308"/>
                    <a:pt x="176330" y="87515"/>
                  </a:cubicBezTo>
                  <a:lnTo>
                    <a:pt x="176330" y="186550"/>
                  </a:lnTo>
                  <a:lnTo>
                    <a:pt x="122261" y="186550"/>
                  </a:lnTo>
                  <a:lnTo>
                    <a:pt x="122261" y="93739"/>
                  </a:lnTo>
                  <a:cubicBezTo>
                    <a:pt x="122261" y="66519"/>
                    <a:pt x="111391" y="47288"/>
                    <a:pt x="93739" y="47288"/>
                  </a:cubicBezTo>
                  <a:cubicBezTo>
                    <a:pt x="63267" y="47288"/>
                    <a:pt x="54441" y="66705"/>
                    <a:pt x="54441" y="107117"/>
                  </a:cubicBezTo>
                  <a:lnTo>
                    <a:pt x="54441" y="186550"/>
                  </a:lnTo>
                  <a:lnTo>
                    <a:pt x="372" y="186550"/>
                  </a:lnTo>
                  <a:lnTo>
                    <a:pt x="372" y="63360"/>
                  </a:lnTo>
                  <a:close/>
                </a:path>
              </a:pathLst>
            </a:custGeom>
            <a:grpFill/>
            <a:ln w="9286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7D9452C7-0494-B37C-783A-8B394A5D3855}"/>
                </a:ext>
              </a:extLst>
            </p:cNvPr>
            <p:cNvSpPr/>
            <p:nvPr/>
          </p:nvSpPr>
          <p:spPr>
            <a:xfrm>
              <a:off x="10224422" y="5738425"/>
              <a:ext cx="62988" cy="62988"/>
            </a:xfrm>
            <a:custGeom>
              <a:avLst/>
              <a:gdLst>
                <a:gd name="connsiteX0" fmla="*/ 62988 w 62988"/>
                <a:gd name="connsiteY0" fmla="*/ 31494 h 62988"/>
                <a:gd name="connsiteX1" fmla="*/ 31494 w 62988"/>
                <a:gd name="connsiteY1" fmla="*/ 62988 h 62988"/>
                <a:gd name="connsiteX2" fmla="*/ 0 w 62988"/>
                <a:gd name="connsiteY2" fmla="*/ 31494 h 62988"/>
                <a:gd name="connsiteX3" fmla="*/ 31494 w 62988"/>
                <a:gd name="connsiteY3" fmla="*/ 0 h 62988"/>
                <a:gd name="connsiteX4" fmla="*/ 62988 w 62988"/>
                <a:gd name="connsiteY4" fmla="*/ 31494 h 629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62988" h="62988">
                  <a:moveTo>
                    <a:pt x="62988" y="31494"/>
                  </a:moveTo>
                  <a:cubicBezTo>
                    <a:pt x="62988" y="48888"/>
                    <a:pt x="48888" y="62988"/>
                    <a:pt x="31494" y="62988"/>
                  </a:cubicBezTo>
                  <a:cubicBezTo>
                    <a:pt x="14100" y="62988"/>
                    <a:pt x="0" y="48888"/>
                    <a:pt x="0" y="31494"/>
                  </a:cubicBezTo>
                  <a:cubicBezTo>
                    <a:pt x="0" y="14100"/>
                    <a:pt x="14100" y="0"/>
                    <a:pt x="31494" y="0"/>
                  </a:cubicBezTo>
                  <a:cubicBezTo>
                    <a:pt x="48888" y="0"/>
                    <a:pt x="62988" y="14100"/>
                    <a:pt x="62988" y="31494"/>
                  </a:cubicBezTo>
                  <a:close/>
                </a:path>
              </a:pathLst>
            </a:custGeom>
            <a:grpFill/>
            <a:ln w="9286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4BF00146-9A25-082A-9A64-1BB98C0375F6}"/>
              </a:ext>
            </a:extLst>
          </p:cNvPr>
          <p:cNvSpPr/>
          <p:nvPr userDrawn="1"/>
        </p:nvSpPr>
        <p:spPr>
          <a:xfrm>
            <a:off x="11251091" y="5770474"/>
            <a:ext cx="288371" cy="206616"/>
          </a:xfrm>
          <a:custGeom>
            <a:avLst/>
            <a:gdLst>
              <a:gd name="connsiteX0" fmla="*/ 223804 w 288371"/>
              <a:gd name="connsiteY0" fmla="*/ 0 h 206616"/>
              <a:gd name="connsiteX1" fmla="*/ 64568 w 288371"/>
              <a:gd name="connsiteY1" fmla="*/ 0 h 206616"/>
              <a:gd name="connsiteX2" fmla="*/ 0 w 288371"/>
              <a:gd name="connsiteY2" fmla="*/ 64568 h 206616"/>
              <a:gd name="connsiteX3" fmla="*/ 0 w 288371"/>
              <a:gd name="connsiteY3" fmla="*/ 142049 h 206616"/>
              <a:gd name="connsiteX4" fmla="*/ 64568 w 288371"/>
              <a:gd name="connsiteY4" fmla="*/ 206617 h 206616"/>
              <a:gd name="connsiteX5" fmla="*/ 223804 w 288371"/>
              <a:gd name="connsiteY5" fmla="*/ 206617 h 206616"/>
              <a:gd name="connsiteX6" fmla="*/ 288372 w 288371"/>
              <a:gd name="connsiteY6" fmla="*/ 142049 h 206616"/>
              <a:gd name="connsiteX7" fmla="*/ 288372 w 288371"/>
              <a:gd name="connsiteY7" fmla="*/ 64568 h 206616"/>
              <a:gd name="connsiteX8" fmla="*/ 223804 w 288371"/>
              <a:gd name="connsiteY8" fmla="*/ 0 h 206616"/>
              <a:gd name="connsiteX9" fmla="*/ 153012 w 288371"/>
              <a:gd name="connsiteY9" fmla="*/ 126999 h 206616"/>
              <a:gd name="connsiteX10" fmla="*/ 113899 w 288371"/>
              <a:gd name="connsiteY10" fmla="*/ 150689 h 206616"/>
              <a:gd name="connsiteX11" fmla="*/ 113899 w 288371"/>
              <a:gd name="connsiteY11" fmla="*/ 56021 h 206616"/>
              <a:gd name="connsiteX12" fmla="*/ 153012 w 288371"/>
              <a:gd name="connsiteY12" fmla="*/ 79711 h 206616"/>
              <a:gd name="connsiteX13" fmla="*/ 192124 w 288371"/>
              <a:gd name="connsiteY13" fmla="*/ 103401 h 206616"/>
              <a:gd name="connsiteX14" fmla="*/ 153012 w 288371"/>
              <a:gd name="connsiteY14" fmla="*/ 127092 h 20661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288371" h="206616">
                <a:moveTo>
                  <a:pt x="223804" y="0"/>
                </a:moveTo>
                <a:lnTo>
                  <a:pt x="64568" y="0"/>
                </a:lnTo>
                <a:cubicBezTo>
                  <a:pt x="28893" y="0"/>
                  <a:pt x="0" y="28893"/>
                  <a:pt x="0" y="64568"/>
                </a:cubicBezTo>
                <a:lnTo>
                  <a:pt x="0" y="142049"/>
                </a:lnTo>
                <a:cubicBezTo>
                  <a:pt x="0" y="177724"/>
                  <a:pt x="28893" y="206617"/>
                  <a:pt x="64568" y="206617"/>
                </a:cubicBezTo>
                <a:lnTo>
                  <a:pt x="223804" y="206617"/>
                </a:lnTo>
                <a:cubicBezTo>
                  <a:pt x="259479" y="206617"/>
                  <a:pt x="288372" y="177724"/>
                  <a:pt x="288372" y="142049"/>
                </a:cubicBezTo>
                <a:lnTo>
                  <a:pt x="288372" y="64568"/>
                </a:lnTo>
                <a:cubicBezTo>
                  <a:pt x="288372" y="28893"/>
                  <a:pt x="259479" y="0"/>
                  <a:pt x="223804" y="0"/>
                </a:cubicBezTo>
                <a:close/>
                <a:moveTo>
                  <a:pt x="153012" y="126999"/>
                </a:moveTo>
                <a:lnTo>
                  <a:pt x="113899" y="150689"/>
                </a:lnTo>
                <a:lnTo>
                  <a:pt x="113899" y="56021"/>
                </a:lnTo>
                <a:lnTo>
                  <a:pt x="153012" y="79711"/>
                </a:lnTo>
                <a:lnTo>
                  <a:pt x="192124" y="103401"/>
                </a:lnTo>
                <a:lnTo>
                  <a:pt x="153012" y="127092"/>
                </a:lnTo>
                <a:close/>
              </a:path>
            </a:pathLst>
          </a:custGeom>
          <a:solidFill>
            <a:schemeClr val="accent1"/>
          </a:solidFill>
          <a:ln w="9286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AB63CD17-EEA8-9F4C-890B-BF82F648F3B6}"/>
              </a:ext>
            </a:extLst>
          </p:cNvPr>
          <p:cNvSpPr/>
          <p:nvPr userDrawn="1"/>
        </p:nvSpPr>
        <p:spPr>
          <a:xfrm>
            <a:off x="9659014" y="5734337"/>
            <a:ext cx="279081" cy="279081"/>
          </a:xfrm>
          <a:custGeom>
            <a:avLst/>
            <a:gdLst>
              <a:gd name="connsiteX0" fmla="*/ 33352 w 279081"/>
              <a:gd name="connsiteY0" fmla="*/ 78410 h 279081"/>
              <a:gd name="connsiteX1" fmla="*/ 33074 w 279081"/>
              <a:gd name="connsiteY1" fmla="*/ 78875 h 279081"/>
              <a:gd name="connsiteX2" fmla="*/ 17373 w 279081"/>
              <a:gd name="connsiteY2" fmla="*/ 130157 h 279081"/>
              <a:gd name="connsiteX3" fmla="*/ 17373 w 279081"/>
              <a:gd name="connsiteY3" fmla="*/ 130994 h 279081"/>
              <a:gd name="connsiteX4" fmla="*/ 61409 w 279081"/>
              <a:gd name="connsiteY4" fmla="*/ 130994 h 279081"/>
              <a:gd name="connsiteX5" fmla="*/ 61409 w 279081"/>
              <a:gd name="connsiteY5" fmla="*/ 130250 h 279081"/>
              <a:gd name="connsiteX6" fmla="*/ 67355 w 279081"/>
              <a:gd name="connsiteY6" fmla="*/ 85006 h 279081"/>
              <a:gd name="connsiteX7" fmla="*/ 67541 w 279081"/>
              <a:gd name="connsiteY7" fmla="*/ 84263 h 279081"/>
              <a:gd name="connsiteX8" fmla="*/ 66705 w 279081"/>
              <a:gd name="connsiteY8" fmla="*/ 84263 h 279081"/>
              <a:gd name="connsiteX9" fmla="*/ 33817 w 279081"/>
              <a:gd name="connsiteY9" fmla="*/ 78596 h 279081"/>
              <a:gd name="connsiteX10" fmla="*/ 33259 w 279081"/>
              <a:gd name="connsiteY10" fmla="*/ 78596 h 279081"/>
              <a:gd name="connsiteX11" fmla="*/ 211634 w 279081"/>
              <a:gd name="connsiteY11" fmla="*/ 84356 h 279081"/>
              <a:gd name="connsiteX12" fmla="*/ 211819 w 279081"/>
              <a:gd name="connsiteY12" fmla="*/ 85099 h 279081"/>
              <a:gd name="connsiteX13" fmla="*/ 217672 w 279081"/>
              <a:gd name="connsiteY13" fmla="*/ 130065 h 279081"/>
              <a:gd name="connsiteX14" fmla="*/ 217672 w 279081"/>
              <a:gd name="connsiteY14" fmla="*/ 130808 h 279081"/>
              <a:gd name="connsiteX15" fmla="*/ 261708 w 279081"/>
              <a:gd name="connsiteY15" fmla="*/ 130808 h 279081"/>
              <a:gd name="connsiteX16" fmla="*/ 261708 w 279081"/>
              <a:gd name="connsiteY16" fmla="*/ 129972 h 279081"/>
              <a:gd name="connsiteX17" fmla="*/ 246008 w 279081"/>
              <a:gd name="connsiteY17" fmla="*/ 78782 h 279081"/>
              <a:gd name="connsiteX18" fmla="*/ 245729 w 279081"/>
              <a:gd name="connsiteY18" fmla="*/ 78317 h 279081"/>
              <a:gd name="connsiteX19" fmla="*/ 245172 w 279081"/>
              <a:gd name="connsiteY19" fmla="*/ 78317 h 279081"/>
              <a:gd name="connsiteX20" fmla="*/ 212377 w 279081"/>
              <a:gd name="connsiteY20" fmla="*/ 84170 h 279081"/>
              <a:gd name="connsiteX21" fmla="*/ 211541 w 279081"/>
              <a:gd name="connsiteY21" fmla="*/ 84170 h 279081"/>
              <a:gd name="connsiteX22" fmla="*/ 185528 w 279081"/>
              <a:gd name="connsiteY22" fmla="*/ 25920 h 279081"/>
              <a:gd name="connsiteX23" fmla="*/ 187107 w 279081"/>
              <a:gd name="connsiteY23" fmla="*/ 28150 h 279081"/>
              <a:gd name="connsiteX24" fmla="*/ 196304 w 279081"/>
              <a:gd name="connsiteY24" fmla="*/ 42921 h 279081"/>
              <a:gd name="connsiteX25" fmla="*/ 206710 w 279081"/>
              <a:gd name="connsiteY25" fmla="*/ 67448 h 279081"/>
              <a:gd name="connsiteX26" fmla="*/ 206895 w 279081"/>
              <a:gd name="connsiteY26" fmla="*/ 68005 h 279081"/>
              <a:gd name="connsiteX27" fmla="*/ 207546 w 279081"/>
              <a:gd name="connsiteY27" fmla="*/ 68005 h 279081"/>
              <a:gd name="connsiteX28" fmla="*/ 234209 w 279081"/>
              <a:gd name="connsiteY28" fmla="*/ 63546 h 279081"/>
              <a:gd name="connsiteX29" fmla="*/ 235417 w 279081"/>
              <a:gd name="connsiteY29" fmla="*/ 63267 h 279081"/>
              <a:gd name="connsiteX30" fmla="*/ 234674 w 279081"/>
              <a:gd name="connsiteY30" fmla="*/ 62338 h 279081"/>
              <a:gd name="connsiteX31" fmla="*/ 226219 w 279081"/>
              <a:gd name="connsiteY31" fmla="*/ 52955 h 279081"/>
              <a:gd name="connsiteX32" fmla="*/ 188129 w 279081"/>
              <a:gd name="connsiteY32" fmla="*/ 27035 h 279081"/>
              <a:gd name="connsiteX33" fmla="*/ 185621 w 279081"/>
              <a:gd name="connsiteY33" fmla="*/ 25920 h 279081"/>
              <a:gd name="connsiteX34" fmla="*/ 93554 w 279081"/>
              <a:gd name="connsiteY34" fmla="*/ 25920 h 279081"/>
              <a:gd name="connsiteX35" fmla="*/ 91045 w 279081"/>
              <a:gd name="connsiteY35" fmla="*/ 27035 h 279081"/>
              <a:gd name="connsiteX36" fmla="*/ 52955 w 279081"/>
              <a:gd name="connsiteY36" fmla="*/ 52955 h 279081"/>
              <a:gd name="connsiteX37" fmla="*/ 44594 w 279081"/>
              <a:gd name="connsiteY37" fmla="*/ 62245 h 279081"/>
              <a:gd name="connsiteX38" fmla="*/ 43850 w 279081"/>
              <a:gd name="connsiteY38" fmla="*/ 63174 h 279081"/>
              <a:gd name="connsiteX39" fmla="*/ 45058 w 279081"/>
              <a:gd name="connsiteY39" fmla="*/ 63360 h 279081"/>
              <a:gd name="connsiteX40" fmla="*/ 71628 w 279081"/>
              <a:gd name="connsiteY40" fmla="*/ 67541 h 279081"/>
              <a:gd name="connsiteX41" fmla="*/ 72186 w 279081"/>
              <a:gd name="connsiteY41" fmla="*/ 67541 h 279081"/>
              <a:gd name="connsiteX42" fmla="*/ 72372 w 279081"/>
              <a:gd name="connsiteY42" fmla="*/ 67076 h 279081"/>
              <a:gd name="connsiteX43" fmla="*/ 82684 w 279081"/>
              <a:gd name="connsiteY43" fmla="*/ 42828 h 279081"/>
              <a:gd name="connsiteX44" fmla="*/ 91881 w 279081"/>
              <a:gd name="connsiteY44" fmla="*/ 28057 h 279081"/>
              <a:gd name="connsiteX45" fmla="*/ 93461 w 279081"/>
              <a:gd name="connsiteY45" fmla="*/ 25827 h 279081"/>
              <a:gd name="connsiteX46" fmla="*/ 93554 w 279081"/>
              <a:gd name="connsiteY46" fmla="*/ 253068 h 279081"/>
              <a:gd name="connsiteX47" fmla="*/ 91974 w 279081"/>
              <a:gd name="connsiteY47" fmla="*/ 250839 h 279081"/>
              <a:gd name="connsiteX48" fmla="*/ 82777 w 279081"/>
              <a:gd name="connsiteY48" fmla="*/ 236067 h 279081"/>
              <a:gd name="connsiteX49" fmla="*/ 72557 w 279081"/>
              <a:gd name="connsiteY49" fmla="*/ 212005 h 279081"/>
              <a:gd name="connsiteX50" fmla="*/ 72372 w 279081"/>
              <a:gd name="connsiteY50" fmla="*/ 211448 h 279081"/>
              <a:gd name="connsiteX51" fmla="*/ 71721 w 279081"/>
              <a:gd name="connsiteY51" fmla="*/ 211448 h 279081"/>
              <a:gd name="connsiteX52" fmla="*/ 45615 w 279081"/>
              <a:gd name="connsiteY52" fmla="*/ 216279 h 279081"/>
              <a:gd name="connsiteX53" fmla="*/ 44408 w 279081"/>
              <a:gd name="connsiteY53" fmla="*/ 216557 h 279081"/>
              <a:gd name="connsiteX54" fmla="*/ 45151 w 279081"/>
              <a:gd name="connsiteY54" fmla="*/ 217486 h 279081"/>
              <a:gd name="connsiteX55" fmla="*/ 52955 w 279081"/>
              <a:gd name="connsiteY55" fmla="*/ 226126 h 279081"/>
              <a:gd name="connsiteX56" fmla="*/ 91045 w 279081"/>
              <a:gd name="connsiteY56" fmla="*/ 252046 h 279081"/>
              <a:gd name="connsiteX57" fmla="*/ 93554 w 279081"/>
              <a:gd name="connsiteY57" fmla="*/ 253161 h 279081"/>
              <a:gd name="connsiteX58" fmla="*/ 185528 w 279081"/>
              <a:gd name="connsiteY58" fmla="*/ 253068 h 279081"/>
              <a:gd name="connsiteX59" fmla="*/ 188036 w 279081"/>
              <a:gd name="connsiteY59" fmla="*/ 251954 h 279081"/>
              <a:gd name="connsiteX60" fmla="*/ 226126 w 279081"/>
              <a:gd name="connsiteY60" fmla="*/ 226034 h 279081"/>
              <a:gd name="connsiteX61" fmla="*/ 234116 w 279081"/>
              <a:gd name="connsiteY61" fmla="*/ 217301 h 279081"/>
              <a:gd name="connsiteX62" fmla="*/ 234859 w 279081"/>
              <a:gd name="connsiteY62" fmla="*/ 216372 h 279081"/>
              <a:gd name="connsiteX63" fmla="*/ 233652 w 279081"/>
              <a:gd name="connsiteY63" fmla="*/ 216093 h 279081"/>
              <a:gd name="connsiteX64" fmla="*/ 207546 w 279081"/>
              <a:gd name="connsiteY64" fmla="*/ 211169 h 279081"/>
              <a:gd name="connsiteX65" fmla="*/ 206895 w 279081"/>
              <a:gd name="connsiteY65" fmla="*/ 211169 h 279081"/>
              <a:gd name="connsiteX66" fmla="*/ 206710 w 279081"/>
              <a:gd name="connsiteY66" fmla="*/ 211634 h 279081"/>
              <a:gd name="connsiteX67" fmla="*/ 196397 w 279081"/>
              <a:gd name="connsiteY67" fmla="*/ 235974 h 279081"/>
              <a:gd name="connsiteX68" fmla="*/ 187200 w 279081"/>
              <a:gd name="connsiteY68" fmla="*/ 250746 h 279081"/>
              <a:gd name="connsiteX69" fmla="*/ 185621 w 279081"/>
              <a:gd name="connsiteY69" fmla="*/ 252975 h 279081"/>
              <a:gd name="connsiteX70" fmla="*/ 211634 w 279081"/>
              <a:gd name="connsiteY70" fmla="*/ 194632 h 279081"/>
              <a:gd name="connsiteX71" fmla="*/ 212377 w 279081"/>
              <a:gd name="connsiteY71" fmla="*/ 194632 h 279081"/>
              <a:gd name="connsiteX72" fmla="*/ 244707 w 279081"/>
              <a:gd name="connsiteY72" fmla="*/ 201136 h 279081"/>
              <a:gd name="connsiteX73" fmla="*/ 245264 w 279081"/>
              <a:gd name="connsiteY73" fmla="*/ 201136 h 279081"/>
              <a:gd name="connsiteX74" fmla="*/ 245543 w 279081"/>
              <a:gd name="connsiteY74" fmla="*/ 200764 h 279081"/>
              <a:gd name="connsiteX75" fmla="*/ 261615 w 279081"/>
              <a:gd name="connsiteY75" fmla="*/ 148738 h 279081"/>
              <a:gd name="connsiteX76" fmla="*/ 261615 w 279081"/>
              <a:gd name="connsiteY76" fmla="*/ 147902 h 279081"/>
              <a:gd name="connsiteX77" fmla="*/ 217672 w 279081"/>
              <a:gd name="connsiteY77" fmla="*/ 147902 h 279081"/>
              <a:gd name="connsiteX78" fmla="*/ 217672 w 279081"/>
              <a:gd name="connsiteY78" fmla="*/ 148645 h 279081"/>
              <a:gd name="connsiteX79" fmla="*/ 211726 w 279081"/>
              <a:gd name="connsiteY79" fmla="*/ 193796 h 279081"/>
              <a:gd name="connsiteX80" fmla="*/ 211541 w 279081"/>
              <a:gd name="connsiteY80" fmla="*/ 194539 h 279081"/>
              <a:gd name="connsiteX81" fmla="*/ 33817 w 279081"/>
              <a:gd name="connsiteY81" fmla="*/ 201321 h 279081"/>
              <a:gd name="connsiteX82" fmla="*/ 34374 w 279081"/>
              <a:gd name="connsiteY82" fmla="*/ 201321 h 279081"/>
              <a:gd name="connsiteX83" fmla="*/ 66797 w 279081"/>
              <a:gd name="connsiteY83" fmla="*/ 195004 h 279081"/>
              <a:gd name="connsiteX84" fmla="*/ 67541 w 279081"/>
              <a:gd name="connsiteY84" fmla="*/ 195004 h 279081"/>
              <a:gd name="connsiteX85" fmla="*/ 67355 w 279081"/>
              <a:gd name="connsiteY85" fmla="*/ 194075 h 279081"/>
              <a:gd name="connsiteX86" fmla="*/ 61409 w 279081"/>
              <a:gd name="connsiteY86" fmla="*/ 148645 h 279081"/>
              <a:gd name="connsiteX87" fmla="*/ 61409 w 279081"/>
              <a:gd name="connsiteY87" fmla="*/ 147902 h 279081"/>
              <a:gd name="connsiteX88" fmla="*/ 17373 w 279081"/>
              <a:gd name="connsiteY88" fmla="*/ 147902 h 279081"/>
              <a:gd name="connsiteX89" fmla="*/ 17373 w 279081"/>
              <a:gd name="connsiteY89" fmla="*/ 148738 h 279081"/>
              <a:gd name="connsiteX90" fmla="*/ 33631 w 279081"/>
              <a:gd name="connsiteY90" fmla="*/ 200857 h 279081"/>
              <a:gd name="connsiteX91" fmla="*/ 33910 w 279081"/>
              <a:gd name="connsiteY91" fmla="*/ 201321 h 279081"/>
              <a:gd name="connsiteX92" fmla="*/ 131830 w 279081"/>
              <a:gd name="connsiteY92" fmla="*/ 72279 h 279081"/>
              <a:gd name="connsiteX93" fmla="*/ 131830 w 279081"/>
              <a:gd name="connsiteY93" fmla="*/ 18023 h 279081"/>
              <a:gd name="connsiteX94" fmla="*/ 130901 w 279081"/>
              <a:gd name="connsiteY94" fmla="*/ 18302 h 279081"/>
              <a:gd name="connsiteX95" fmla="*/ 97734 w 279081"/>
              <a:gd name="connsiteY95" fmla="*/ 50911 h 279081"/>
              <a:gd name="connsiteX96" fmla="*/ 89837 w 279081"/>
              <a:gd name="connsiteY96" fmla="*/ 68841 h 279081"/>
              <a:gd name="connsiteX97" fmla="*/ 89559 w 279081"/>
              <a:gd name="connsiteY97" fmla="*/ 69770 h 279081"/>
              <a:gd name="connsiteX98" fmla="*/ 90488 w 279081"/>
              <a:gd name="connsiteY98" fmla="*/ 69770 h 279081"/>
              <a:gd name="connsiteX99" fmla="*/ 131179 w 279081"/>
              <a:gd name="connsiteY99" fmla="*/ 72279 h 279081"/>
              <a:gd name="connsiteX100" fmla="*/ 131923 w 279081"/>
              <a:gd name="connsiteY100" fmla="*/ 72279 h 279081"/>
              <a:gd name="connsiteX101" fmla="*/ 84542 w 279081"/>
              <a:gd name="connsiteY101" fmla="*/ 86307 h 279081"/>
              <a:gd name="connsiteX102" fmla="*/ 84356 w 279081"/>
              <a:gd name="connsiteY102" fmla="*/ 86957 h 279081"/>
              <a:gd name="connsiteX103" fmla="*/ 78410 w 279081"/>
              <a:gd name="connsiteY103" fmla="*/ 130250 h 279081"/>
              <a:gd name="connsiteX104" fmla="*/ 78410 w 279081"/>
              <a:gd name="connsiteY104" fmla="*/ 130994 h 279081"/>
              <a:gd name="connsiteX105" fmla="*/ 131737 w 279081"/>
              <a:gd name="connsiteY105" fmla="*/ 130994 h 279081"/>
              <a:gd name="connsiteX106" fmla="*/ 131737 w 279081"/>
              <a:gd name="connsiteY106" fmla="*/ 89280 h 279081"/>
              <a:gd name="connsiteX107" fmla="*/ 130994 w 279081"/>
              <a:gd name="connsiteY107" fmla="*/ 89280 h 279081"/>
              <a:gd name="connsiteX108" fmla="*/ 85006 w 279081"/>
              <a:gd name="connsiteY108" fmla="*/ 86400 h 279081"/>
              <a:gd name="connsiteX109" fmla="*/ 84356 w 279081"/>
              <a:gd name="connsiteY109" fmla="*/ 86400 h 279081"/>
              <a:gd name="connsiteX110" fmla="*/ 131830 w 279081"/>
              <a:gd name="connsiteY110" fmla="*/ 189244 h 279081"/>
              <a:gd name="connsiteX111" fmla="*/ 131830 w 279081"/>
              <a:gd name="connsiteY111" fmla="*/ 147995 h 279081"/>
              <a:gd name="connsiteX112" fmla="*/ 78410 w 279081"/>
              <a:gd name="connsiteY112" fmla="*/ 147995 h 279081"/>
              <a:gd name="connsiteX113" fmla="*/ 78410 w 279081"/>
              <a:gd name="connsiteY113" fmla="*/ 148738 h 279081"/>
              <a:gd name="connsiteX114" fmla="*/ 84356 w 279081"/>
              <a:gd name="connsiteY114" fmla="*/ 191938 h 279081"/>
              <a:gd name="connsiteX115" fmla="*/ 84542 w 279081"/>
              <a:gd name="connsiteY115" fmla="*/ 192588 h 279081"/>
              <a:gd name="connsiteX116" fmla="*/ 85192 w 279081"/>
              <a:gd name="connsiteY116" fmla="*/ 192588 h 279081"/>
              <a:gd name="connsiteX117" fmla="*/ 131179 w 279081"/>
              <a:gd name="connsiteY117" fmla="*/ 189244 h 279081"/>
              <a:gd name="connsiteX118" fmla="*/ 131923 w 279081"/>
              <a:gd name="connsiteY118" fmla="*/ 189244 h 279081"/>
              <a:gd name="connsiteX119" fmla="*/ 131830 w 279081"/>
              <a:gd name="connsiteY119" fmla="*/ 260965 h 279081"/>
              <a:gd name="connsiteX120" fmla="*/ 131830 w 279081"/>
              <a:gd name="connsiteY120" fmla="*/ 206245 h 279081"/>
              <a:gd name="connsiteX121" fmla="*/ 131086 w 279081"/>
              <a:gd name="connsiteY121" fmla="*/ 206245 h 279081"/>
              <a:gd name="connsiteX122" fmla="*/ 90395 w 279081"/>
              <a:gd name="connsiteY122" fmla="*/ 209032 h 279081"/>
              <a:gd name="connsiteX123" fmla="*/ 89466 w 279081"/>
              <a:gd name="connsiteY123" fmla="*/ 209032 h 279081"/>
              <a:gd name="connsiteX124" fmla="*/ 89745 w 279081"/>
              <a:gd name="connsiteY124" fmla="*/ 210054 h 279081"/>
              <a:gd name="connsiteX125" fmla="*/ 97734 w 279081"/>
              <a:gd name="connsiteY125" fmla="*/ 228170 h 279081"/>
              <a:gd name="connsiteX126" fmla="*/ 130901 w 279081"/>
              <a:gd name="connsiteY126" fmla="*/ 260779 h 279081"/>
              <a:gd name="connsiteX127" fmla="*/ 131830 w 279081"/>
              <a:gd name="connsiteY127" fmla="*/ 261058 h 279081"/>
              <a:gd name="connsiteX128" fmla="*/ 148924 w 279081"/>
              <a:gd name="connsiteY128" fmla="*/ 206245 h 279081"/>
              <a:gd name="connsiteX129" fmla="*/ 148924 w 279081"/>
              <a:gd name="connsiteY129" fmla="*/ 260501 h 279081"/>
              <a:gd name="connsiteX130" fmla="*/ 149946 w 279081"/>
              <a:gd name="connsiteY130" fmla="*/ 260129 h 279081"/>
              <a:gd name="connsiteX131" fmla="*/ 181440 w 279081"/>
              <a:gd name="connsiteY131" fmla="*/ 228077 h 279081"/>
              <a:gd name="connsiteX132" fmla="*/ 189523 w 279081"/>
              <a:gd name="connsiteY132" fmla="*/ 209683 h 279081"/>
              <a:gd name="connsiteX133" fmla="*/ 189801 w 279081"/>
              <a:gd name="connsiteY133" fmla="*/ 208846 h 279081"/>
              <a:gd name="connsiteX134" fmla="*/ 188872 w 279081"/>
              <a:gd name="connsiteY134" fmla="*/ 208846 h 279081"/>
              <a:gd name="connsiteX135" fmla="*/ 149667 w 279081"/>
              <a:gd name="connsiteY135" fmla="*/ 206245 h 279081"/>
              <a:gd name="connsiteX136" fmla="*/ 148924 w 279081"/>
              <a:gd name="connsiteY136" fmla="*/ 206245 h 279081"/>
              <a:gd name="connsiteX137" fmla="*/ 194725 w 279081"/>
              <a:gd name="connsiteY137" fmla="*/ 192310 h 279081"/>
              <a:gd name="connsiteX138" fmla="*/ 194911 w 279081"/>
              <a:gd name="connsiteY138" fmla="*/ 191659 h 279081"/>
              <a:gd name="connsiteX139" fmla="*/ 200671 w 279081"/>
              <a:gd name="connsiteY139" fmla="*/ 148738 h 279081"/>
              <a:gd name="connsiteX140" fmla="*/ 200671 w 279081"/>
              <a:gd name="connsiteY140" fmla="*/ 147995 h 279081"/>
              <a:gd name="connsiteX141" fmla="*/ 148924 w 279081"/>
              <a:gd name="connsiteY141" fmla="*/ 147995 h 279081"/>
              <a:gd name="connsiteX142" fmla="*/ 148924 w 279081"/>
              <a:gd name="connsiteY142" fmla="*/ 189151 h 279081"/>
              <a:gd name="connsiteX143" fmla="*/ 149667 w 279081"/>
              <a:gd name="connsiteY143" fmla="*/ 189151 h 279081"/>
              <a:gd name="connsiteX144" fmla="*/ 194075 w 279081"/>
              <a:gd name="connsiteY144" fmla="*/ 192217 h 279081"/>
              <a:gd name="connsiteX145" fmla="*/ 194725 w 279081"/>
              <a:gd name="connsiteY145" fmla="*/ 192217 h 279081"/>
              <a:gd name="connsiteX146" fmla="*/ 194725 w 279081"/>
              <a:gd name="connsiteY146" fmla="*/ 86679 h 279081"/>
              <a:gd name="connsiteX147" fmla="*/ 194075 w 279081"/>
              <a:gd name="connsiteY147" fmla="*/ 86679 h 279081"/>
              <a:gd name="connsiteX148" fmla="*/ 149667 w 279081"/>
              <a:gd name="connsiteY148" fmla="*/ 89373 h 279081"/>
              <a:gd name="connsiteX149" fmla="*/ 148924 w 279081"/>
              <a:gd name="connsiteY149" fmla="*/ 89373 h 279081"/>
              <a:gd name="connsiteX150" fmla="*/ 148924 w 279081"/>
              <a:gd name="connsiteY150" fmla="*/ 131086 h 279081"/>
              <a:gd name="connsiteX151" fmla="*/ 200671 w 279081"/>
              <a:gd name="connsiteY151" fmla="*/ 131086 h 279081"/>
              <a:gd name="connsiteX152" fmla="*/ 200671 w 279081"/>
              <a:gd name="connsiteY152" fmla="*/ 130343 h 279081"/>
              <a:gd name="connsiteX153" fmla="*/ 194818 w 279081"/>
              <a:gd name="connsiteY153" fmla="*/ 87329 h 279081"/>
              <a:gd name="connsiteX154" fmla="*/ 194632 w 279081"/>
              <a:gd name="connsiteY154" fmla="*/ 86679 h 279081"/>
              <a:gd name="connsiteX155" fmla="*/ 189801 w 279081"/>
              <a:gd name="connsiteY155" fmla="*/ 70049 h 279081"/>
              <a:gd name="connsiteX156" fmla="*/ 189523 w 279081"/>
              <a:gd name="connsiteY156" fmla="*/ 69120 h 279081"/>
              <a:gd name="connsiteX157" fmla="*/ 181533 w 279081"/>
              <a:gd name="connsiteY157" fmla="*/ 50911 h 279081"/>
              <a:gd name="connsiteX158" fmla="*/ 150039 w 279081"/>
              <a:gd name="connsiteY158" fmla="*/ 18859 h 279081"/>
              <a:gd name="connsiteX159" fmla="*/ 149017 w 279081"/>
              <a:gd name="connsiteY159" fmla="*/ 18488 h 279081"/>
              <a:gd name="connsiteX160" fmla="*/ 149017 w 279081"/>
              <a:gd name="connsiteY160" fmla="*/ 72279 h 279081"/>
              <a:gd name="connsiteX161" fmla="*/ 149760 w 279081"/>
              <a:gd name="connsiteY161" fmla="*/ 72279 h 279081"/>
              <a:gd name="connsiteX162" fmla="*/ 188872 w 279081"/>
              <a:gd name="connsiteY162" fmla="*/ 70049 h 279081"/>
              <a:gd name="connsiteX163" fmla="*/ 189801 w 279081"/>
              <a:gd name="connsiteY163" fmla="*/ 70049 h 279081"/>
              <a:gd name="connsiteX164" fmla="*/ 139541 w 279081"/>
              <a:gd name="connsiteY164" fmla="*/ 0 h 279081"/>
              <a:gd name="connsiteX165" fmla="*/ 238204 w 279081"/>
              <a:gd name="connsiteY165" fmla="*/ 40877 h 279081"/>
              <a:gd name="connsiteX166" fmla="*/ 279081 w 279081"/>
              <a:gd name="connsiteY166" fmla="*/ 139541 h 279081"/>
              <a:gd name="connsiteX167" fmla="*/ 238204 w 279081"/>
              <a:gd name="connsiteY167" fmla="*/ 238204 h 279081"/>
              <a:gd name="connsiteX168" fmla="*/ 139541 w 279081"/>
              <a:gd name="connsiteY168" fmla="*/ 279081 h 279081"/>
              <a:gd name="connsiteX169" fmla="*/ 40877 w 279081"/>
              <a:gd name="connsiteY169" fmla="*/ 238204 h 279081"/>
              <a:gd name="connsiteX170" fmla="*/ 0 w 279081"/>
              <a:gd name="connsiteY170" fmla="*/ 139541 h 279081"/>
              <a:gd name="connsiteX171" fmla="*/ 40877 w 279081"/>
              <a:gd name="connsiteY171" fmla="*/ 40877 h 279081"/>
              <a:gd name="connsiteX172" fmla="*/ 139541 w 279081"/>
              <a:gd name="connsiteY172" fmla="*/ 0 h 27908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</a:cxnLst>
            <a:rect l="l" t="t" r="r" b="b"/>
            <a:pathLst>
              <a:path w="279081" h="279081">
                <a:moveTo>
                  <a:pt x="33352" y="78410"/>
                </a:moveTo>
                <a:lnTo>
                  <a:pt x="33074" y="78875"/>
                </a:lnTo>
                <a:cubicBezTo>
                  <a:pt x="24062" y="94575"/>
                  <a:pt x="18766" y="112134"/>
                  <a:pt x="17373" y="130157"/>
                </a:cubicBezTo>
                <a:lnTo>
                  <a:pt x="17373" y="130994"/>
                </a:lnTo>
                <a:lnTo>
                  <a:pt x="61409" y="130994"/>
                </a:lnTo>
                <a:lnTo>
                  <a:pt x="61409" y="130250"/>
                </a:lnTo>
                <a:cubicBezTo>
                  <a:pt x="61966" y="115014"/>
                  <a:pt x="63917" y="99778"/>
                  <a:pt x="67355" y="85006"/>
                </a:cubicBezTo>
                <a:lnTo>
                  <a:pt x="67541" y="84263"/>
                </a:lnTo>
                <a:lnTo>
                  <a:pt x="66705" y="84263"/>
                </a:lnTo>
                <a:cubicBezTo>
                  <a:pt x="55742" y="82591"/>
                  <a:pt x="44779" y="80733"/>
                  <a:pt x="33817" y="78596"/>
                </a:cubicBezTo>
                <a:lnTo>
                  <a:pt x="33259" y="78596"/>
                </a:lnTo>
                <a:close/>
                <a:moveTo>
                  <a:pt x="211634" y="84356"/>
                </a:moveTo>
                <a:lnTo>
                  <a:pt x="211819" y="85099"/>
                </a:lnTo>
                <a:cubicBezTo>
                  <a:pt x="215257" y="99871"/>
                  <a:pt x="217115" y="114921"/>
                  <a:pt x="217672" y="130065"/>
                </a:cubicBezTo>
                <a:lnTo>
                  <a:pt x="217672" y="130808"/>
                </a:lnTo>
                <a:lnTo>
                  <a:pt x="261708" y="130808"/>
                </a:lnTo>
                <a:lnTo>
                  <a:pt x="261708" y="129972"/>
                </a:lnTo>
                <a:cubicBezTo>
                  <a:pt x="260315" y="111948"/>
                  <a:pt x="255019" y="94483"/>
                  <a:pt x="246008" y="78782"/>
                </a:cubicBezTo>
                <a:lnTo>
                  <a:pt x="245729" y="78317"/>
                </a:lnTo>
                <a:lnTo>
                  <a:pt x="245172" y="78317"/>
                </a:lnTo>
                <a:cubicBezTo>
                  <a:pt x="234302" y="80733"/>
                  <a:pt x="223339" y="82591"/>
                  <a:pt x="212377" y="84170"/>
                </a:cubicBezTo>
                <a:lnTo>
                  <a:pt x="211541" y="84170"/>
                </a:lnTo>
                <a:close/>
                <a:moveTo>
                  <a:pt x="185528" y="25920"/>
                </a:moveTo>
                <a:lnTo>
                  <a:pt x="187107" y="28150"/>
                </a:lnTo>
                <a:cubicBezTo>
                  <a:pt x="190545" y="32795"/>
                  <a:pt x="193610" y="37812"/>
                  <a:pt x="196304" y="42921"/>
                </a:cubicBezTo>
                <a:cubicBezTo>
                  <a:pt x="200485" y="50725"/>
                  <a:pt x="203923" y="58994"/>
                  <a:pt x="206710" y="67448"/>
                </a:cubicBezTo>
                <a:lnTo>
                  <a:pt x="206895" y="68005"/>
                </a:lnTo>
                <a:lnTo>
                  <a:pt x="207546" y="68005"/>
                </a:lnTo>
                <a:cubicBezTo>
                  <a:pt x="216464" y="66705"/>
                  <a:pt x="225290" y="65218"/>
                  <a:pt x="234209" y="63546"/>
                </a:cubicBezTo>
                <a:lnTo>
                  <a:pt x="235417" y="63267"/>
                </a:lnTo>
                <a:lnTo>
                  <a:pt x="234674" y="62338"/>
                </a:lnTo>
                <a:cubicBezTo>
                  <a:pt x="231979" y="59086"/>
                  <a:pt x="229192" y="55928"/>
                  <a:pt x="226219" y="52955"/>
                </a:cubicBezTo>
                <a:cubicBezTo>
                  <a:pt x="215257" y="41992"/>
                  <a:pt x="202343" y="33166"/>
                  <a:pt x="188129" y="27035"/>
                </a:cubicBezTo>
                <a:lnTo>
                  <a:pt x="185621" y="25920"/>
                </a:lnTo>
                <a:close/>
                <a:moveTo>
                  <a:pt x="93554" y="25920"/>
                </a:moveTo>
                <a:lnTo>
                  <a:pt x="91045" y="27035"/>
                </a:lnTo>
                <a:cubicBezTo>
                  <a:pt x="76831" y="33166"/>
                  <a:pt x="63917" y="41992"/>
                  <a:pt x="52955" y="52955"/>
                </a:cubicBezTo>
                <a:cubicBezTo>
                  <a:pt x="49982" y="55928"/>
                  <a:pt x="47195" y="58994"/>
                  <a:pt x="44594" y="62245"/>
                </a:cubicBezTo>
                <a:lnTo>
                  <a:pt x="43850" y="63174"/>
                </a:lnTo>
                <a:lnTo>
                  <a:pt x="45058" y="63360"/>
                </a:lnTo>
                <a:cubicBezTo>
                  <a:pt x="53884" y="64939"/>
                  <a:pt x="62710" y="66426"/>
                  <a:pt x="71628" y="67541"/>
                </a:cubicBezTo>
                <a:lnTo>
                  <a:pt x="72186" y="67541"/>
                </a:lnTo>
                <a:lnTo>
                  <a:pt x="72372" y="67076"/>
                </a:lnTo>
                <a:cubicBezTo>
                  <a:pt x="75159" y="58715"/>
                  <a:pt x="78503" y="50632"/>
                  <a:pt x="82684" y="42828"/>
                </a:cubicBezTo>
                <a:cubicBezTo>
                  <a:pt x="85378" y="37719"/>
                  <a:pt x="88444" y="32795"/>
                  <a:pt x="91881" y="28057"/>
                </a:cubicBezTo>
                <a:lnTo>
                  <a:pt x="93461" y="25827"/>
                </a:lnTo>
                <a:close/>
                <a:moveTo>
                  <a:pt x="93554" y="253068"/>
                </a:moveTo>
                <a:lnTo>
                  <a:pt x="91974" y="250839"/>
                </a:lnTo>
                <a:cubicBezTo>
                  <a:pt x="88537" y="246194"/>
                  <a:pt x="85471" y="241177"/>
                  <a:pt x="82777" y="236067"/>
                </a:cubicBezTo>
                <a:cubicBezTo>
                  <a:pt x="78689" y="228356"/>
                  <a:pt x="75345" y="220274"/>
                  <a:pt x="72557" y="212005"/>
                </a:cubicBezTo>
                <a:lnTo>
                  <a:pt x="72372" y="211448"/>
                </a:lnTo>
                <a:lnTo>
                  <a:pt x="71721" y="211448"/>
                </a:lnTo>
                <a:cubicBezTo>
                  <a:pt x="62988" y="212841"/>
                  <a:pt x="54255" y="214514"/>
                  <a:pt x="45615" y="216279"/>
                </a:cubicBezTo>
                <a:lnTo>
                  <a:pt x="44408" y="216557"/>
                </a:lnTo>
                <a:lnTo>
                  <a:pt x="45151" y="217486"/>
                </a:lnTo>
                <a:cubicBezTo>
                  <a:pt x="47659" y="220459"/>
                  <a:pt x="50261" y="223339"/>
                  <a:pt x="52955" y="226126"/>
                </a:cubicBezTo>
                <a:cubicBezTo>
                  <a:pt x="63917" y="237089"/>
                  <a:pt x="76831" y="245915"/>
                  <a:pt x="91045" y="252046"/>
                </a:cubicBezTo>
                <a:lnTo>
                  <a:pt x="93554" y="253161"/>
                </a:lnTo>
                <a:close/>
                <a:moveTo>
                  <a:pt x="185528" y="253068"/>
                </a:moveTo>
                <a:lnTo>
                  <a:pt x="188036" y="251954"/>
                </a:lnTo>
                <a:cubicBezTo>
                  <a:pt x="202250" y="245822"/>
                  <a:pt x="215164" y="236996"/>
                  <a:pt x="226126" y="226034"/>
                </a:cubicBezTo>
                <a:cubicBezTo>
                  <a:pt x="228914" y="223246"/>
                  <a:pt x="231608" y="220366"/>
                  <a:pt x="234116" y="217301"/>
                </a:cubicBezTo>
                <a:lnTo>
                  <a:pt x="234859" y="216372"/>
                </a:lnTo>
                <a:lnTo>
                  <a:pt x="233652" y="216093"/>
                </a:lnTo>
                <a:cubicBezTo>
                  <a:pt x="225012" y="214235"/>
                  <a:pt x="216279" y="212563"/>
                  <a:pt x="207546" y="211169"/>
                </a:cubicBezTo>
                <a:lnTo>
                  <a:pt x="206895" y="211169"/>
                </a:lnTo>
                <a:lnTo>
                  <a:pt x="206710" y="211634"/>
                </a:lnTo>
                <a:cubicBezTo>
                  <a:pt x="203923" y="219995"/>
                  <a:pt x="200485" y="228170"/>
                  <a:pt x="196397" y="235974"/>
                </a:cubicBezTo>
                <a:cubicBezTo>
                  <a:pt x="193703" y="241084"/>
                  <a:pt x="190637" y="246008"/>
                  <a:pt x="187200" y="250746"/>
                </a:cubicBezTo>
                <a:lnTo>
                  <a:pt x="185621" y="252975"/>
                </a:lnTo>
                <a:close/>
                <a:moveTo>
                  <a:pt x="211634" y="194632"/>
                </a:moveTo>
                <a:lnTo>
                  <a:pt x="212377" y="194632"/>
                </a:lnTo>
                <a:cubicBezTo>
                  <a:pt x="223246" y="196490"/>
                  <a:pt x="234023" y="198627"/>
                  <a:pt x="244707" y="201136"/>
                </a:cubicBezTo>
                <a:lnTo>
                  <a:pt x="245264" y="201136"/>
                </a:lnTo>
                <a:lnTo>
                  <a:pt x="245543" y="200764"/>
                </a:lnTo>
                <a:cubicBezTo>
                  <a:pt x="254741" y="184877"/>
                  <a:pt x="260222" y="167040"/>
                  <a:pt x="261615" y="148738"/>
                </a:cubicBezTo>
                <a:lnTo>
                  <a:pt x="261615" y="147902"/>
                </a:lnTo>
                <a:lnTo>
                  <a:pt x="217672" y="147902"/>
                </a:lnTo>
                <a:lnTo>
                  <a:pt x="217672" y="148645"/>
                </a:lnTo>
                <a:cubicBezTo>
                  <a:pt x="217115" y="163788"/>
                  <a:pt x="215257" y="179025"/>
                  <a:pt x="211726" y="193796"/>
                </a:cubicBezTo>
                <a:lnTo>
                  <a:pt x="211541" y="194539"/>
                </a:lnTo>
                <a:close/>
                <a:moveTo>
                  <a:pt x="33817" y="201321"/>
                </a:moveTo>
                <a:lnTo>
                  <a:pt x="34374" y="201321"/>
                </a:lnTo>
                <a:cubicBezTo>
                  <a:pt x="45151" y="198813"/>
                  <a:pt x="55928" y="196769"/>
                  <a:pt x="66797" y="195004"/>
                </a:cubicBezTo>
                <a:lnTo>
                  <a:pt x="67541" y="195004"/>
                </a:lnTo>
                <a:lnTo>
                  <a:pt x="67355" y="194075"/>
                </a:lnTo>
                <a:cubicBezTo>
                  <a:pt x="63825" y="179210"/>
                  <a:pt x="61966" y="163881"/>
                  <a:pt x="61409" y="148645"/>
                </a:cubicBezTo>
                <a:lnTo>
                  <a:pt x="61409" y="147902"/>
                </a:lnTo>
                <a:lnTo>
                  <a:pt x="17373" y="147902"/>
                </a:lnTo>
                <a:lnTo>
                  <a:pt x="17373" y="148738"/>
                </a:lnTo>
                <a:cubicBezTo>
                  <a:pt x="18859" y="167133"/>
                  <a:pt x="24341" y="184877"/>
                  <a:pt x="33631" y="200857"/>
                </a:cubicBezTo>
                <a:lnTo>
                  <a:pt x="33910" y="201321"/>
                </a:lnTo>
                <a:close/>
                <a:moveTo>
                  <a:pt x="131830" y="72279"/>
                </a:moveTo>
                <a:lnTo>
                  <a:pt x="131830" y="18023"/>
                </a:lnTo>
                <a:lnTo>
                  <a:pt x="130901" y="18302"/>
                </a:lnTo>
                <a:cubicBezTo>
                  <a:pt x="116036" y="22761"/>
                  <a:pt x="104702" y="37719"/>
                  <a:pt x="97734" y="50911"/>
                </a:cubicBezTo>
                <a:cubicBezTo>
                  <a:pt x="94668" y="56671"/>
                  <a:pt x="92067" y="62710"/>
                  <a:pt x="89837" y="68841"/>
                </a:cubicBezTo>
                <a:lnTo>
                  <a:pt x="89559" y="69770"/>
                </a:lnTo>
                <a:lnTo>
                  <a:pt x="90488" y="69770"/>
                </a:lnTo>
                <a:cubicBezTo>
                  <a:pt x="103959" y="71164"/>
                  <a:pt x="117523" y="72000"/>
                  <a:pt x="131179" y="72279"/>
                </a:cubicBezTo>
                <a:lnTo>
                  <a:pt x="131923" y="72279"/>
                </a:lnTo>
                <a:close/>
                <a:moveTo>
                  <a:pt x="84542" y="86307"/>
                </a:moveTo>
                <a:lnTo>
                  <a:pt x="84356" y="86957"/>
                </a:lnTo>
                <a:cubicBezTo>
                  <a:pt x="80919" y="101172"/>
                  <a:pt x="79061" y="115665"/>
                  <a:pt x="78410" y="130250"/>
                </a:cubicBezTo>
                <a:lnTo>
                  <a:pt x="78410" y="130994"/>
                </a:lnTo>
                <a:lnTo>
                  <a:pt x="131737" y="130994"/>
                </a:lnTo>
                <a:lnTo>
                  <a:pt x="131737" y="89280"/>
                </a:lnTo>
                <a:lnTo>
                  <a:pt x="130994" y="89280"/>
                </a:lnTo>
                <a:cubicBezTo>
                  <a:pt x="115665" y="89001"/>
                  <a:pt x="100335" y="87979"/>
                  <a:pt x="85006" y="86400"/>
                </a:cubicBezTo>
                <a:lnTo>
                  <a:pt x="84356" y="86400"/>
                </a:lnTo>
                <a:close/>
                <a:moveTo>
                  <a:pt x="131830" y="189244"/>
                </a:moveTo>
                <a:lnTo>
                  <a:pt x="131830" y="147995"/>
                </a:lnTo>
                <a:lnTo>
                  <a:pt x="78410" y="147995"/>
                </a:lnTo>
                <a:lnTo>
                  <a:pt x="78410" y="148738"/>
                </a:lnTo>
                <a:cubicBezTo>
                  <a:pt x="78968" y="163231"/>
                  <a:pt x="80826" y="177817"/>
                  <a:pt x="84356" y="191938"/>
                </a:cubicBezTo>
                <a:lnTo>
                  <a:pt x="84542" y="192588"/>
                </a:lnTo>
                <a:lnTo>
                  <a:pt x="85192" y="192588"/>
                </a:lnTo>
                <a:cubicBezTo>
                  <a:pt x="100428" y="190730"/>
                  <a:pt x="115757" y="189615"/>
                  <a:pt x="131179" y="189244"/>
                </a:cubicBezTo>
                <a:lnTo>
                  <a:pt x="131923" y="189244"/>
                </a:lnTo>
                <a:close/>
                <a:moveTo>
                  <a:pt x="131830" y="260965"/>
                </a:moveTo>
                <a:lnTo>
                  <a:pt x="131830" y="206245"/>
                </a:lnTo>
                <a:lnTo>
                  <a:pt x="131086" y="206245"/>
                </a:lnTo>
                <a:cubicBezTo>
                  <a:pt x="117523" y="206617"/>
                  <a:pt x="103866" y="207546"/>
                  <a:pt x="90395" y="209032"/>
                </a:cubicBezTo>
                <a:lnTo>
                  <a:pt x="89466" y="209032"/>
                </a:lnTo>
                <a:lnTo>
                  <a:pt x="89745" y="210054"/>
                </a:lnTo>
                <a:cubicBezTo>
                  <a:pt x="91974" y="216279"/>
                  <a:pt x="94575" y="222317"/>
                  <a:pt x="97734" y="228170"/>
                </a:cubicBezTo>
                <a:cubicBezTo>
                  <a:pt x="104702" y="241270"/>
                  <a:pt x="116036" y="256320"/>
                  <a:pt x="130901" y="260779"/>
                </a:cubicBezTo>
                <a:lnTo>
                  <a:pt x="131830" y="261058"/>
                </a:lnTo>
                <a:close/>
                <a:moveTo>
                  <a:pt x="148924" y="206245"/>
                </a:moveTo>
                <a:lnTo>
                  <a:pt x="148924" y="260501"/>
                </a:lnTo>
                <a:lnTo>
                  <a:pt x="149946" y="260129"/>
                </a:lnTo>
                <a:cubicBezTo>
                  <a:pt x="163974" y="255112"/>
                  <a:pt x="174658" y="240805"/>
                  <a:pt x="181440" y="228077"/>
                </a:cubicBezTo>
                <a:cubicBezTo>
                  <a:pt x="184599" y="222132"/>
                  <a:pt x="187200" y="216000"/>
                  <a:pt x="189523" y="209683"/>
                </a:cubicBezTo>
                <a:lnTo>
                  <a:pt x="189801" y="208846"/>
                </a:lnTo>
                <a:lnTo>
                  <a:pt x="188872" y="208846"/>
                </a:lnTo>
                <a:cubicBezTo>
                  <a:pt x="175866" y="207267"/>
                  <a:pt x="162766" y="206431"/>
                  <a:pt x="149667" y="206245"/>
                </a:cubicBezTo>
                <a:lnTo>
                  <a:pt x="148924" y="206245"/>
                </a:lnTo>
                <a:close/>
                <a:moveTo>
                  <a:pt x="194725" y="192310"/>
                </a:moveTo>
                <a:lnTo>
                  <a:pt x="194911" y="191659"/>
                </a:lnTo>
                <a:cubicBezTo>
                  <a:pt x="198348" y="177631"/>
                  <a:pt x="200114" y="163231"/>
                  <a:pt x="200671" y="148738"/>
                </a:cubicBezTo>
                <a:lnTo>
                  <a:pt x="200671" y="147995"/>
                </a:lnTo>
                <a:lnTo>
                  <a:pt x="148924" y="147995"/>
                </a:lnTo>
                <a:lnTo>
                  <a:pt x="148924" y="189151"/>
                </a:lnTo>
                <a:lnTo>
                  <a:pt x="149667" y="189151"/>
                </a:lnTo>
                <a:cubicBezTo>
                  <a:pt x="164532" y="189430"/>
                  <a:pt x="179303" y="190452"/>
                  <a:pt x="194075" y="192217"/>
                </a:cubicBezTo>
                <a:lnTo>
                  <a:pt x="194725" y="192217"/>
                </a:lnTo>
                <a:close/>
                <a:moveTo>
                  <a:pt x="194725" y="86679"/>
                </a:moveTo>
                <a:lnTo>
                  <a:pt x="194075" y="86679"/>
                </a:lnTo>
                <a:cubicBezTo>
                  <a:pt x="179303" y="88258"/>
                  <a:pt x="164532" y="89187"/>
                  <a:pt x="149667" y="89373"/>
                </a:cubicBezTo>
                <a:lnTo>
                  <a:pt x="148924" y="89373"/>
                </a:lnTo>
                <a:lnTo>
                  <a:pt x="148924" y="131086"/>
                </a:lnTo>
                <a:lnTo>
                  <a:pt x="200671" y="131086"/>
                </a:lnTo>
                <a:lnTo>
                  <a:pt x="200671" y="130343"/>
                </a:lnTo>
                <a:cubicBezTo>
                  <a:pt x="200114" y="115850"/>
                  <a:pt x="198255" y="101450"/>
                  <a:pt x="194818" y="87329"/>
                </a:cubicBezTo>
                <a:lnTo>
                  <a:pt x="194632" y="86679"/>
                </a:lnTo>
                <a:close/>
                <a:moveTo>
                  <a:pt x="189801" y="70049"/>
                </a:moveTo>
                <a:lnTo>
                  <a:pt x="189523" y="69120"/>
                </a:lnTo>
                <a:cubicBezTo>
                  <a:pt x="187293" y="62895"/>
                  <a:pt x="184599" y="56764"/>
                  <a:pt x="181533" y="50911"/>
                </a:cubicBezTo>
                <a:cubicBezTo>
                  <a:pt x="174751" y="38183"/>
                  <a:pt x="164067" y="23876"/>
                  <a:pt x="150039" y="18859"/>
                </a:cubicBezTo>
                <a:lnTo>
                  <a:pt x="149017" y="18488"/>
                </a:lnTo>
                <a:lnTo>
                  <a:pt x="149017" y="72279"/>
                </a:lnTo>
                <a:lnTo>
                  <a:pt x="149760" y="72279"/>
                </a:lnTo>
                <a:cubicBezTo>
                  <a:pt x="162859" y="72093"/>
                  <a:pt x="175866" y="71350"/>
                  <a:pt x="188872" y="70049"/>
                </a:cubicBezTo>
                <a:lnTo>
                  <a:pt x="189801" y="70049"/>
                </a:lnTo>
                <a:close/>
                <a:moveTo>
                  <a:pt x="139541" y="0"/>
                </a:moveTo>
                <a:cubicBezTo>
                  <a:pt x="176702" y="0"/>
                  <a:pt x="211912" y="14586"/>
                  <a:pt x="238204" y="40877"/>
                </a:cubicBezTo>
                <a:cubicBezTo>
                  <a:pt x="264495" y="67169"/>
                  <a:pt x="279081" y="102379"/>
                  <a:pt x="279081" y="139541"/>
                </a:cubicBezTo>
                <a:cubicBezTo>
                  <a:pt x="279081" y="176702"/>
                  <a:pt x="264495" y="211912"/>
                  <a:pt x="238204" y="238204"/>
                </a:cubicBezTo>
                <a:cubicBezTo>
                  <a:pt x="211912" y="264496"/>
                  <a:pt x="176702" y="279081"/>
                  <a:pt x="139541" y="279081"/>
                </a:cubicBezTo>
                <a:cubicBezTo>
                  <a:pt x="102379" y="279081"/>
                  <a:pt x="67169" y="264496"/>
                  <a:pt x="40877" y="238204"/>
                </a:cubicBezTo>
                <a:cubicBezTo>
                  <a:pt x="14586" y="211912"/>
                  <a:pt x="0" y="176609"/>
                  <a:pt x="0" y="139541"/>
                </a:cubicBezTo>
                <a:cubicBezTo>
                  <a:pt x="0" y="102472"/>
                  <a:pt x="14586" y="67076"/>
                  <a:pt x="40877" y="40877"/>
                </a:cubicBezTo>
                <a:cubicBezTo>
                  <a:pt x="67076" y="14586"/>
                  <a:pt x="102379" y="0"/>
                  <a:pt x="139541" y="0"/>
                </a:cubicBezTo>
                <a:close/>
              </a:path>
            </a:pathLst>
          </a:custGeom>
          <a:solidFill>
            <a:schemeClr val="accent1"/>
          </a:solidFill>
          <a:ln w="9286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20" name="Rectangle 19">
            <a:hlinkClick r:id="rId7"/>
            <a:extLst>
              <a:ext uri="{FF2B5EF4-FFF2-40B4-BE49-F238E27FC236}">
                <a16:creationId xmlns:a16="http://schemas.microsoft.com/office/drawing/2014/main" id="{5234E6DE-098D-E1D6-E183-3D547460308A}"/>
              </a:ext>
            </a:extLst>
          </p:cNvPr>
          <p:cNvSpPr/>
          <p:nvPr userDrawn="1"/>
        </p:nvSpPr>
        <p:spPr>
          <a:xfrm>
            <a:off x="11216908" y="5691221"/>
            <a:ext cx="356739" cy="36512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baseline="0"/>
          </a:p>
        </p:txBody>
      </p:sp>
      <p:sp>
        <p:nvSpPr>
          <p:cNvPr id="21" name="Rectangle 20">
            <a:hlinkClick r:id="rId8"/>
            <a:extLst>
              <a:ext uri="{FF2B5EF4-FFF2-40B4-BE49-F238E27FC236}">
                <a16:creationId xmlns:a16="http://schemas.microsoft.com/office/drawing/2014/main" id="{064C860A-7A65-0A4E-278B-7E39C99F80EF}"/>
              </a:ext>
            </a:extLst>
          </p:cNvPr>
          <p:cNvSpPr/>
          <p:nvPr userDrawn="1"/>
        </p:nvSpPr>
        <p:spPr>
          <a:xfrm>
            <a:off x="10161756" y="5691222"/>
            <a:ext cx="356739" cy="36512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baseline="0"/>
          </a:p>
        </p:txBody>
      </p:sp>
      <p:sp>
        <p:nvSpPr>
          <p:cNvPr id="22" name="Rectangle 21">
            <a:hlinkClick r:id="rId9"/>
            <a:extLst>
              <a:ext uri="{FF2B5EF4-FFF2-40B4-BE49-F238E27FC236}">
                <a16:creationId xmlns:a16="http://schemas.microsoft.com/office/drawing/2014/main" id="{3388ACF4-05A8-D8FC-9B77-4746B82C4BF3}"/>
              </a:ext>
            </a:extLst>
          </p:cNvPr>
          <p:cNvSpPr/>
          <p:nvPr userDrawn="1"/>
        </p:nvSpPr>
        <p:spPr>
          <a:xfrm>
            <a:off x="10699761" y="5691222"/>
            <a:ext cx="356739" cy="36512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baseline="0" dirty="0"/>
          </a:p>
        </p:txBody>
      </p:sp>
      <p:sp>
        <p:nvSpPr>
          <p:cNvPr id="23" name="Rectangle 22">
            <a:hlinkClick r:id="rId10"/>
            <a:extLst>
              <a:ext uri="{FF2B5EF4-FFF2-40B4-BE49-F238E27FC236}">
                <a16:creationId xmlns:a16="http://schemas.microsoft.com/office/drawing/2014/main" id="{6BF15EA6-9788-39F6-C9DE-4BF2C86EE6FC}"/>
              </a:ext>
            </a:extLst>
          </p:cNvPr>
          <p:cNvSpPr/>
          <p:nvPr userDrawn="1"/>
        </p:nvSpPr>
        <p:spPr>
          <a:xfrm>
            <a:off x="9623751" y="5691220"/>
            <a:ext cx="356739" cy="36512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baseline="0"/>
          </a:p>
        </p:txBody>
      </p:sp>
    </p:spTree>
    <p:extLst>
      <p:ext uri="{BB962C8B-B14F-4D97-AF65-F5344CB8AC3E}">
        <p14:creationId xmlns:p14="http://schemas.microsoft.com/office/powerpoint/2010/main" val="14889348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976" userDrawn="1">
          <p15:clr>
            <a:srgbClr val="FF96FF"/>
          </p15:clr>
        </p15:guide>
        <p15:guide id="4" orient="horz" pos="3344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90" userDrawn="1">
          <p15:clr>
            <a:srgbClr val="FF96FF"/>
          </p15:clr>
        </p15:guide>
        <p15:guide id="8" pos="7389" userDrawn="1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_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D2D396A-2A5C-0123-9248-C9763FE2BED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89250" y="2741578"/>
            <a:ext cx="7643220" cy="1620000"/>
          </a:xfrm>
        </p:spPr>
        <p:txBody>
          <a:bodyPr anchor="t">
            <a:normAutofit/>
          </a:bodyPr>
          <a:lstStyle>
            <a:lvl1pPr algn="l">
              <a:defRPr sz="4000"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372472D-2585-AB79-C518-1E480DCCA01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9464041" y="6024875"/>
            <a:ext cx="1354132" cy="365125"/>
          </a:xfrm>
          <a:prstGeom prst="rect">
            <a:avLst/>
          </a:prstGeom>
        </p:spPr>
        <p:txBody>
          <a:bodyPr lIns="0" tIns="0" rIns="0" bIns="0" anchor="ctr"/>
          <a:lstStyle>
            <a:lvl1pPr algn="r">
              <a:defRPr sz="1400" b="1">
                <a:solidFill>
                  <a:srgbClr val="EBE4F3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8C17DE3-87FB-51E5-812A-DBC4EFC21F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89250" y="6024875"/>
            <a:ext cx="2168250" cy="365125"/>
          </a:xfrm>
        </p:spPr>
        <p:txBody>
          <a:bodyPr/>
          <a:lstStyle>
            <a:lvl1pPr>
              <a:defRPr>
                <a:solidFill>
                  <a:srgbClr val="EBE4F3"/>
                </a:solidFill>
              </a:defRPr>
            </a:lvl1pPr>
          </a:lstStyle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5C6F0E20-3E12-3199-78C0-538CC9623B0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89250" y="1081860"/>
            <a:ext cx="3420000" cy="433879"/>
          </a:xfrm>
          <a:prstGeom prst="rect">
            <a:avLst/>
          </a:prstGeom>
        </p:spPr>
      </p:pic>
      <p:sp>
        <p:nvSpPr>
          <p:cNvPr id="15" name="Guides">
            <a:extLst>
              <a:ext uri="{FF2B5EF4-FFF2-40B4-BE49-F238E27FC236}">
                <a16:creationId xmlns:a16="http://schemas.microsoft.com/office/drawing/2014/main" id="{38CD2E5B-C491-35EE-9A54-E7B271FFCB89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2476483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7D5D68-A44E-8174-4782-C4B9EC2163E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31999" y="1061999"/>
            <a:ext cx="11328002" cy="504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411D2A2-BE14-6DB3-0F51-FCADD531996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D492B1-A666-9AC6-720B-9210644B94D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0584180" y="6312875"/>
            <a:ext cx="1175819" cy="365125"/>
          </a:xfrm>
        </p:spPr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14" name="Guides" hidden="1">
            <a:extLst>
              <a:ext uri="{FF2B5EF4-FFF2-40B4-BE49-F238E27FC236}">
                <a16:creationId xmlns:a16="http://schemas.microsoft.com/office/drawing/2014/main" id="{7302A606-B61B-4723-5B3C-654D14D42D43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DC572F2-0C2C-B686-76B0-911FC4EDED1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188472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3843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72" userDrawn="1">
          <p15:clr>
            <a:srgbClr val="FF96FF"/>
          </p15:clr>
        </p15:guide>
        <p15:guide id="8" pos="7407" userDrawn="1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_Purpl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00D97E52-E01E-DD72-C5C6-AC493A218C68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597150" y="0"/>
            <a:ext cx="69977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E49B112-9556-1925-3202-724BFB1F108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1999" y="879119"/>
            <a:ext cx="11328002" cy="5040000"/>
          </a:xfrm>
        </p:spPr>
        <p:txBody>
          <a:bodyPr anchor="ctr"/>
          <a:lstStyle>
            <a:lvl1pPr algn="ctr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</a:t>
            </a:r>
            <a:br>
              <a:rPr lang="en-US" dirty="0"/>
            </a:br>
            <a:r>
              <a:rPr lang="en-US" dirty="0"/>
              <a:t>divider text</a:t>
            </a:r>
            <a:endParaRPr lang="en-GB" dirty="0"/>
          </a:p>
        </p:txBody>
      </p:sp>
      <p:sp>
        <p:nvSpPr>
          <p:cNvPr id="12" name="Guides" hidden="1">
            <a:extLst>
              <a:ext uri="{FF2B5EF4-FFF2-40B4-BE49-F238E27FC236}">
                <a16:creationId xmlns:a16="http://schemas.microsoft.com/office/drawing/2014/main" id="{7E41A67C-F6B1-8CAD-57F7-9BB4A43DAAAB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6956503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_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00D97E52-E01E-DD72-C5C6-AC493A218C68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597150" y="0"/>
            <a:ext cx="69977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E49B112-9556-1925-3202-724BFB1F108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1998" y="867689"/>
            <a:ext cx="11328002" cy="5040000"/>
          </a:xfrm>
        </p:spPr>
        <p:txBody>
          <a:bodyPr anchor="ctr"/>
          <a:lstStyle>
            <a:lvl1pPr algn="ctr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GB" dirty="0"/>
              <a:t>Click to add</a:t>
            </a:r>
            <a:br>
              <a:rPr lang="en-GB" dirty="0"/>
            </a:br>
            <a:r>
              <a:rPr lang="en-GB" dirty="0"/>
              <a:t>divider text</a:t>
            </a:r>
          </a:p>
        </p:txBody>
      </p:sp>
      <p:sp>
        <p:nvSpPr>
          <p:cNvPr id="12" name="Guides" hidden="1">
            <a:extLst>
              <a:ext uri="{FF2B5EF4-FFF2-40B4-BE49-F238E27FC236}">
                <a16:creationId xmlns:a16="http://schemas.microsoft.com/office/drawing/2014/main" id="{AEA81EC6-F6AC-98CC-9FEE-F44660B838C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57176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5D37987-FEF9-3A1E-6511-963037A4D24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430626" y="1060450"/>
            <a:ext cx="5324062" cy="50400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accent2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A9A7AC3-7016-124B-6D12-60D2ED84E150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626" y="1581563"/>
            <a:ext cx="5324062" cy="4519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EE4A6-0FDD-9212-913D-B2FEF0606225}"/>
              </a:ext>
            </a:extLst>
          </p:cNvPr>
          <p:cNvSpPr>
            <a:spLocks noGrp="1"/>
          </p:cNvSpPr>
          <p:nvPr>
            <p:ph type="body" sz="quarter" idx="3" hasCustomPrompt="1"/>
          </p:nvPr>
        </p:nvSpPr>
        <p:spPr>
          <a:xfrm>
            <a:off x="6437312" y="1060450"/>
            <a:ext cx="5320613" cy="50400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accent2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6445E0B-CCBA-A542-405F-7F1E8D462735}"/>
              </a:ext>
            </a:extLst>
          </p:cNvPr>
          <p:cNvSpPr>
            <a:spLocks noGrp="1"/>
          </p:cNvSpPr>
          <p:nvPr>
            <p:ph sz="quarter" idx="4" hasCustomPrompt="1"/>
          </p:nvPr>
        </p:nvSpPr>
        <p:spPr>
          <a:xfrm>
            <a:off x="6438001" y="1581563"/>
            <a:ext cx="5320612" cy="451920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30BAE59-C3A6-D340-5552-5ACBBC20F3C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AB0EA9F-C9B1-282B-8941-23AEF86A9C4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17" name="Guides" hidden="1">
            <a:extLst>
              <a:ext uri="{FF2B5EF4-FFF2-40B4-BE49-F238E27FC236}">
                <a16:creationId xmlns:a16="http://schemas.microsoft.com/office/drawing/2014/main" id="{DFD2DCE7-3220-9DB7-AFE2-266E2C958152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371224C3-E6E9-59C1-82D9-DEBAF5807F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54123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3843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72" userDrawn="1">
          <p15:clr>
            <a:srgbClr val="FF96FF"/>
          </p15:clr>
        </p15:guide>
        <p15:guide id="8" pos="3636" userDrawn="1">
          <p15:clr>
            <a:srgbClr val="FF96FF"/>
          </p15:clr>
        </p15:guide>
        <p15:guide id="9" pos="4044" userDrawn="1">
          <p15:clr>
            <a:srgbClr val="FF96FF"/>
          </p15:clr>
        </p15:guide>
        <p15:guide id="10" pos="7407" userDrawn="1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mparison_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A94C63D-77ED-8E83-3CF7-CF53A3ED66D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6000" y="0"/>
            <a:ext cx="6096000" cy="6858000"/>
          </a:xfrm>
          <a:solidFill>
            <a:srgbClr val="F4F4F4"/>
          </a:solidFill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Select and choose image from Templafy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5D37987-FEF9-3A1E-6511-963037A4D24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430625" y="1060450"/>
            <a:ext cx="5322687" cy="50400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accent2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A9A7AC3-7016-124B-6D12-60D2ED84E150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625" y="1581563"/>
            <a:ext cx="5322687" cy="4600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0BA4139A-D3E4-19ED-8A31-824F74F50AF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045142" y="548624"/>
            <a:ext cx="462858" cy="450000"/>
          </a:xfrm>
          <a:prstGeom prst="rect">
            <a:avLst/>
          </a:prstGeom>
        </p:spPr>
      </p:pic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A1987C87-71DA-8FD1-3D7C-F6802569B77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302800" y="323113"/>
            <a:ext cx="457200" cy="450000"/>
          </a:xfrm>
          <a:blipFill>
            <a:blip r:embed="rId5">
              <a:extLs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0" indent="0">
              <a:buNone/>
              <a:defRPr/>
            </a:lvl4pPr>
            <a:lvl5pPr marL="180000" indent="0">
              <a:buNone/>
              <a:defRPr/>
            </a:lvl5pPr>
          </a:lstStyle>
          <a:p>
            <a:pPr lvl="0"/>
            <a:r>
              <a:rPr lang="en-US" dirty="0"/>
              <a:t> 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144D86E-89C3-8146-C4B1-B9AB8D52BF9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4D5D006-25C6-069C-FD26-2AEAB6B29B1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17" name="Guides" hidden="1">
            <a:extLst>
              <a:ext uri="{FF2B5EF4-FFF2-40B4-BE49-F238E27FC236}">
                <a16:creationId xmlns:a16="http://schemas.microsoft.com/office/drawing/2014/main" id="{B311900C-3FAD-C9F6-71A2-9727D560613B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9" name="Title 18">
            <a:extLst>
              <a:ext uri="{FF2B5EF4-FFF2-40B4-BE49-F238E27FC236}">
                <a16:creationId xmlns:a16="http://schemas.microsoft.com/office/drawing/2014/main" id="{A174E319-B28E-B43E-63A9-61C9E52DD4D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5322687" cy="450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35658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3843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72" userDrawn="1">
          <p15:clr>
            <a:srgbClr val="FF96FF"/>
          </p15:clr>
        </p15:guide>
        <p15:guide id="8" pos="7407" userDrawn="1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mparison_Graphic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577EE97D-A2EF-F9E0-04FF-E33D1E4B6A88}"/>
              </a:ext>
            </a:extLst>
          </p:cNvPr>
          <p:cNvSpPr/>
          <p:nvPr userDrawn="1"/>
        </p:nvSpPr>
        <p:spPr>
          <a:xfrm>
            <a:off x="6096001" y="0"/>
            <a:ext cx="6095999" cy="6858000"/>
          </a:xfrm>
          <a:prstGeom prst="rect">
            <a:avLst/>
          </a:prstGeom>
          <a:solidFill>
            <a:srgbClr val="F4F4F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5D37987-FEF9-3A1E-6511-963037A4D24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430626" y="1060450"/>
            <a:ext cx="5324062" cy="50400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2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A9A7AC3-7016-124B-6D12-60D2ED84E150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626" y="1581563"/>
            <a:ext cx="5324062" cy="4519200"/>
          </a:xfrm>
        </p:spPr>
        <p:txBody>
          <a:bodyPr/>
          <a:lstStyle>
            <a:lvl1pPr marL="0" indent="0">
              <a:buNone/>
              <a:defRPr sz="1800">
                <a:solidFill>
                  <a:schemeClr val="accent2"/>
                </a:solidFill>
              </a:defRPr>
            </a:lvl1pPr>
            <a:lvl2pPr marL="0" indent="0">
              <a:buFont typeface="Arial" panose="020B0604020202020204" pitchFamily="34" charset="0"/>
              <a:buNone/>
              <a:defRPr sz="1400"/>
            </a:lvl2pPr>
            <a:lvl3pPr marL="171450" indent="-171450">
              <a:buFont typeface="Arial" panose="020B0604020202020204" pitchFamily="34" charset="0"/>
              <a:buChar char="•"/>
              <a:defRPr sz="1400"/>
            </a:lvl3pPr>
            <a:lvl4pPr marL="171450" indent="-171450">
              <a:buFont typeface="Arial" panose="020B0604020202020204" pitchFamily="34" charset="0"/>
              <a:buChar char="•"/>
              <a:defRPr/>
            </a:lvl4pPr>
            <a:lvl5pPr marL="171450" indent="-171450">
              <a:buFont typeface="Arial" panose="020B0604020202020204" pitchFamily="34" charset="0"/>
              <a:buChar char="•"/>
              <a:defRPr/>
            </a:lvl5pPr>
            <a:lvl6pPr marL="360000" indent="-180000">
              <a:buFont typeface="Arial" panose="020B0604020202020204" pitchFamily="34" charset="0"/>
              <a:buChar char="−"/>
              <a:defRPr sz="1600"/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5"/>
            <a:r>
              <a:rPr lang="en-US" dirty="0"/>
              <a:t>Fourth level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0BA4139A-D3E4-19ED-8A31-824F74F50AF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295755" y="324000"/>
            <a:ext cx="462858" cy="450000"/>
          </a:xfrm>
          <a:prstGeom prst="rect">
            <a:avLst/>
          </a:prstGeom>
        </p:spPr>
      </p:pic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996889CC-2822-30BE-5217-D1CD724A8AD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438001" y="1581563"/>
            <a:ext cx="5320612" cy="4519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8BE51DD-3081-0092-7C9A-EAEF81E23CA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0571DA5-F321-AA73-A363-FDFEC3D5CFC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18" name="Guides" hidden="1">
            <a:extLst>
              <a:ext uri="{FF2B5EF4-FFF2-40B4-BE49-F238E27FC236}">
                <a16:creationId xmlns:a16="http://schemas.microsoft.com/office/drawing/2014/main" id="{6FEE2F9C-80CA-0AAD-7F91-ED6FD85584F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9" name="Title 18">
            <a:extLst>
              <a:ext uri="{FF2B5EF4-FFF2-40B4-BE49-F238E27FC236}">
                <a16:creationId xmlns:a16="http://schemas.microsoft.com/office/drawing/2014/main" id="{A5B7E437-E1F5-200D-C602-6AE47F4557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5322687" cy="450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89558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3843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72" userDrawn="1">
          <p15:clr>
            <a:srgbClr val="FF96FF"/>
          </p15:clr>
        </p15:guide>
        <p15:guide id="8" pos="7407" userDrawn="1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mparison_Statistic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577EE97D-A2EF-F9E0-04FF-E33D1E4B6A8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6001" y="0"/>
            <a:ext cx="6095999" cy="6858000"/>
          </a:xfrm>
          <a:prstGeom prst="rect">
            <a:avLst/>
          </a:prstGeom>
          <a:solidFill>
            <a:srgbClr val="F4F4F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5D37987-FEF9-3A1E-6511-963037A4D24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431800" y="1050956"/>
            <a:ext cx="5322887" cy="50400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A9A7AC3-7016-124B-6D12-60D2ED84E150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1800" y="1572069"/>
            <a:ext cx="5322887" cy="4528694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  <a:endParaRPr lang="en-GB" dirty="0"/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0BA4139A-D3E4-19ED-8A31-824F74F50AF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297142" y="324000"/>
            <a:ext cx="462858" cy="450000"/>
          </a:xfrm>
          <a:prstGeom prst="rect">
            <a:avLst/>
          </a:prstGeom>
        </p:spPr>
      </p:pic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C305FDDD-E408-1BAC-1F05-4338D6D57FC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32029" y="1404730"/>
            <a:ext cx="3823943" cy="4264230"/>
          </a:xfrm>
        </p:spPr>
        <p:txBody>
          <a:bodyPr anchor="ctr"/>
          <a:lstStyle>
            <a:lvl1pPr marL="0" indent="0" algn="ctr">
              <a:buNone/>
              <a:defRPr sz="3600" b="1" cap="all" spc="200" baseline="0">
                <a:solidFill>
                  <a:schemeClr val="tx2"/>
                </a:solidFill>
                <a:latin typeface="+mn-lt"/>
              </a:defRPr>
            </a:lvl1pPr>
            <a:lvl2pPr marL="0" indent="0" algn="ctr">
              <a:lnSpc>
                <a:spcPct val="80000"/>
              </a:lnSpc>
              <a:spcBef>
                <a:spcPts val="900"/>
              </a:spcBef>
              <a:buNone/>
              <a:defRPr sz="8000" b="1">
                <a:solidFill>
                  <a:schemeClr val="bg2"/>
                </a:solidFill>
              </a:defRPr>
            </a:lvl2pPr>
            <a:lvl3pPr marL="0" indent="0" algn="ctr">
              <a:buNone/>
              <a:defRPr sz="1800">
                <a:solidFill>
                  <a:schemeClr val="tx2"/>
                </a:solidFill>
              </a:defRPr>
            </a:lvl3pPr>
            <a:lvl4pPr indent="0">
              <a:buNone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1"/>
                </a:solidFill>
              </a:defRPr>
            </a:lvl5pPr>
            <a:lvl6pPr marL="0" indent="0">
              <a:buNone/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7265FCD-C00D-D1E5-03E1-55B54AC6F7A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en-GB">
                <a:latin typeface="Avenir Next LT Pro" panose="020B0504020202020204" pitchFamily="34" charset="0"/>
              </a:rPr>
              <a:t>Transforming Lives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2DE5538-4907-6314-E80C-4819F5474A3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>
                <a:latin typeface="Avenir Next LT Pro" panose="020B0504020202020204" pitchFamily="34" charset="0"/>
              </a:rPr>
              <a:t>.</a:t>
            </a:r>
            <a:endParaRPr lang="en-GB" dirty="0">
              <a:latin typeface="Avenir Next LT Pro" panose="020B0504020202020204" pitchFamily="34" charset="0"/>
            </a:endParaRPr>
          </a:p>
        </p:txBody>
      </p:sp>
      <p:sp>
        <p:nvSpPr>
          <p:cNvPr id="18" name="Guides" hidden="1">
            <a:extLst>
              <a:ext uri="{FF2B5EF4-FFF2-40B4-BE49-F238E27FC236}">
                <a16:creationId xmlns:a16="http://schemas.microsoft.com/office/drawing/2014/main" id="{C95C99E9-CFDD-7E01-F96C-2F9C7D5B9A8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DD71533A-D3C1-AD1A-F4D7-E005D0F2F77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5322687" cy="450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062854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4" userDrawn="1">
          <p15:clr>
            <a:srgbClr val="8F8F8F"/>
          </p15:clr>
        </p15:guide>
        <p15:guide id="2" orient="horz" pos="487" userDrawn="1">
          <p15:clr>
            <a:srgbClr val="8F8F8F"/>
          </p15:clr>
        </p15:guide>
        <p15:guide id="3" orient="horz" pos="668" userDrawn="1">
          <p15:clr>
            <a:srgbClr val="FF96FF"/>
          </p15:clr>
        </p15:guide>
        <p15:guide id="4" orient="horz" pos="3843" userDrawn="1">
          <p15:clr>
            <a:srgbClr val="FF96FF"/>
          </p15:clr>
        </p15:guide>
        <p15:guide id="5" orient="horz" pos="3976" userDrawn="1">
          <p15:clr>
            <a:srgbClr val="8F8F8F"/>
          </p15:clr>
        </p15:guide>
        <p15:guide id="6" orient="horz" pos="4208" userDrawn="1">
          <p15:clr>
            <a:srgbClr val="8F8F8F"/>
          </p15:clr>
        </p15:guide>
        <p15:guide id="7" pos="272" userDrawn="1">
          <p15:clr>
            <a:srgbClr val="FF96FF"/>
          </p15:clr>
        </p15:guide>
        <p15:guide id="8" pos="7407" userDrawn="1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ags" Target="../tags/tag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2.sv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ags" Target="../tags/tag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tags" Target="../tags/tag5.xml"/><Relationship Id="rId10" Type="http://schemas.openxmlformats.org/officeDocument/2006/relationships/slideLayout" Target="../slideLayouts/slideLayout10.xml"/><Relationship Id="rId19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ags" Target="../tags/tag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phic 7">
            <a:extLst>
              <a:ext uri="{FF2B5EF4-FFF2-40B4-BE49-F238E27FC236}">
                <a16:creationId xmlns:a16="http://schemas.microsoft.com/office/drawing/2014/main" id="{5DDAF310-3A6D-B10B-0EC6-4E28AA36000C}"/>
              </a:ext>
            </a:extLst>
          </p:cNvPr>
          <p:cNvPicPr>
            <a:picLocks noChangeAspect="1"/>
          </p:cNvPicPr>
          <p:nvPr userDrawn="1"/>
        </p:nvPicPr>
        <p:blipFill>
          <a:blip r:embed="rId24">
            <a:extLst>
              <a:ext uri="{96DAC541-7B7A-43D3-8B79-37D633B846F1}">
                <asvg:svgBlip xmlns:asvg="http://schemas.microsoft.com/office/drawing/2016/SVG/main" r:embed="rId25"/>
              </a:ext>
            </a:extLst>
          </a:blip>
          <a:stretch>
            <a:fillRect/>
          </a:stretch>
        </p:blipFill>
        <p:spPr>
          <a:xfrm>
            <a:off x="11297142" y="324000"/>
            <a:ext cx="462858" cy="450000"/>
          </a:xfrm>
          <a:prstGeom prst="rect">
            <a:avLst/>
          </a:prstGeom>
        </p:spPr>
      </p:pic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328810C-BE62-E307-ACC6-1614B7738418}"/>
              </a:ext>
            </a:extLst>
          </p:cNvPr>
          <p:cNvSpPr>
            <a:spLocks noGrp="1"/>
          </p:cNvSpPr>
          <p:nvPr>
            <p:ph type="title"/>
            <p:custDataLst>
              <p:tags r:id="rId20"/>
            </p:custDataLst>
          </p:nvPr>
        </p:nvSpPr>
        <p:spPr>
          <a:xfrm>
            <a:off x="432000" y="324000"/>
            <a:ext cx="10452484" cy="450000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/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BD11C1E-67AE-8F13-3746-CF458531E047}"/>
              </a:ext>
            </a:extLst>
          </p:cNvPr>
          <p:cNvSpPr>
            <a:spLocks noGrp="1"/>
          </p:cNvSpPr>
          <p:nvPr>
            <p:ph type="body" idx="1"/>
            <p:custDataLst>
              <p:tags r:id="rId21"/>
            </p:custDataLst>
          </p:nvPr>
        </p:nvSpPr>
        <p:spPr>
          <a:xfrm>
            <a:off x="432000" y="1061999"/>
            <a:ext cx="11328000" cy="5040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E53B6D4-4FC3-87D4-889F-5ACF4F3B1ADD}"/>
              </a:ext>
            </a:extLst>
          </p:cNvPr>
          <p:cNvSpPr>
            <a:spLocks noGrp="1"/>
          </p:cNvSpPr>
          <p:nvPr>
            <p:ph type="ftr" sz="quarter" idx="3"/>
            <p:custDataLst>
              <p:tags r:id="rId22"/>
            </p:custDataLst>
          </p:nvPr>
        </p:nvSpPr>
        <p:spPr>
          <a:xfrm>
            <a:off x="430625" y="6312875"/>
            <a:ext cx="2198275" cy="365125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800" b="1">
                <a:solidFill>
                  <a:srgbClr val="EBE4F3"/>
                </a:solidFill>
              </a:defRPr>
            </a:lvl1pPr>
          </a:lstStyle>
          <a:p>
            <a:r>
              <a:rPr lang="en-GB" dirty="0"/>
              <a:t>Transforming Lives</a:t>
            </a:r>
            <a:r>
              <a:rPr lang="en-GB" dirty="0">
                <a:latin typeface="Avenir Next LT Pro" panose="020B0504020202020204" pitchFamily="34" charset="0"/>
              </a:rPr>
              <a:t>.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B73AA8E-C51A-99A2-862F-04260BE2AE3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401300" y="6312875"/>
            <a:ext cx="1358700" cy="365125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2200" b="1" baseline="0">
                <a:solidFill>
                  <a:srgbClr val="EBE4F3"/>
                </a:solidFill>
              </a:defRPr>
            </a:lvl1pPr>
          </a:lstStyle>
          <a:p>
            <a:fld id="{C855AFFB-64D9-4FA4-905E-E079B4C44CCB}" type="slidenum">
              <a:rPr lang="en-GB" sz="1800" smtClean="0"/>
              <a:pPr/>
              <a:t>‹#›</a:t>
            </a:fld>
            <a:r>
              <a:rPr lang="en-GB" dirty="0">
                <a:latin typeface="Avenir Next LT Pro" panose="020B0504020202020204" pitchFamily="34" charset="0"/>
              </a:rPr>
              <a:t>.</a:t>
            </a:r>
          </a:p>
        </p:txBody>
      </p:sp>
      <p:sp>
        <p:nvSpPr>
          <p:cNvPr id="24" name="Guides" hidden="1">
            <a:extLst>
              <a:ext uri="{FF2B5EF4-FFF2-40B4-BE49-F238E27FC236}">
                <a16:creationId xmlns:a16="http://schemas.microsoft.com/office/drawing/2014/main" id="{FCB483E3-16F4-8225-9A99-B09316AF1660}"/>
              </a:ext>
            </a:extLst>
          </p:cNvPr>
          <p:cNvSpPr/>
          <p:nvPr userDrawn="1">
            <p:custDataLst>
              <p:tags r:id="rId23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470639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60" r:id="rId2"/>
    <p:sldLayoutId id="2147483650" r:id="rId3"/>
    <p:sldLayoutId id="2147483651" r:id="rId4"/>
    <p:sldLayoutId id="2147483661" r:id="rId5"/>
    <p:sldLayoutId id="2147483653" r:id="rId6"/>
    <p:sldLayoutId id="2147483662" r:id="rId7"/>
    <p:sldLayoutId id="2147483665" r:id="rId8"/>
    <p:sldLayoutId id="2147483669" r:id="rId9"/>
    <p:sldLayoutId id="2147483670" r:id="rId10"/>
    <p:sldLayoutId id="2147483666" r:id="rId11"/>
    <p:sldLayoutId id="2147483667" r:id="rId12"/>
    <p:sldLayoutId id="2147483668" r:id="rId13"/>
    <p:sldLayoutId id="2147483652" r:id="rId14"/>
    <p:sldLayoutId id="2147483654" r:id="rId15"/>
    <p:sldLayoutId id="2147483655" r:id="rId16"/>
    <p:sldLayoutId id="2147483663" r:id="rId17"/>
    <p:sldLayoutId id="2147483664" r:id="rId18"/>
  </p:sldLayoutIdLst>
  <p:hf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800" b="1" kern="1200" baseline="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600"/>
        </a:spcBef>
        <a:buClr>
          <a:schemeClr val="accent2"/>
        </a:buClr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0000"/>
        </a:lnSpc>
        <a:spcBef>
          <a:spcPts val="600"/>
        </a:spcBef>
        <a:buClr>
          <a:schemeClr val="accent2"/>
        </a:buClr>
        <a:buFont typeface="Arial" panose="020B0604020202020204" pitchFamily="34" charset="0"/>
        <a:buChar char="−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-180000" algn="l" defTabSz="914400" rtl="0" eaLnBrk="1" latinLnBrk="0" hangingPunct="1">
        <a:lnSpc>
          <a:spcPct val="90000"/>
        </a:lnSpc>
        <a:spcBef>
          <a:spcPts val="600"/>
        </a:spcBef>
        <a:buClr>
          <a:schemeClr val="accent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60000" indent="-180000" algn="l" defTabSz="914400" rtl="0" eaLnBrk="1" latinLnBrk="0" hangingPunct="1">
        <a:lnSpc>
          <a:spcPct val="90000"/>
        </a:lnSpc>
        <a:spcBef>
          <a:spcPts val="600"/>
        </a:spcBef>
        <a:buClr>
          <a:schemeClr val="accent2"/>
        </a:buClr>
        <a:buFont typeface="Arial" panose="020B0604020202020204" pitchFamily="34" charset="0"/>
        <a:buChar char="−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540000" indent="-180000" algn="l" defTabSz="914400" rtl="0" eaLnBrk="1" latinLnBrk="0" hangingPunct="1">
        <a:lnSpc>
          <a:spcPct val="90000"/>
        </a:lnSpc>
        <a:spcBef>
          <a:spcPts val="600"/>
        </a:spcBef>
        <a:buClr>
          <a:schemeClr val="accent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4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4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0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4913B217-6F01-6E81-A111-CBD6EB84EDC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>
            <a:normAutofit/>
          </a:bodyPr>
          <a:lstStyle/>
          <a:p>
            <a:r>
              <a:rPr lang="en-GB" dirty="0"/>
              <a:t>Introduction to DAX Measure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CAB6A79-F505-4643-86AC-D6A81145C33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ransforming Lives.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E117577-C14B-4538-AA71-10CC3B1FD0CA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0833100" y="6313488"/>
            <a:ext cx="1358900" cy="365125"/>
          </a:xfrm>
        </p:spPr>
        <p:txBody>
          <a:bodyPr/>
          <a:lstStyle/>
          <a:p>
            <a:fld id="{C855AFFB-64D9-4FA4-905E-E079B4C44CCB}" type="slidenum">
              <a:rPr lang="en-GB" smtClean="0"/>
              <a:pPr/>
              <a:t>1</a:t>
            </a:fld>
            <a:r>
              <a:rPr lang="en-GB"/>
              <a:t>.</a:t>
            </a:r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524074DA-8A15-94DF-5C64-0AEBB2B32A58}"/>
              </a:ext>
            </a:extLst>
          </p:cNvPr>
          <p:cNvSpPr txBox="1"/>
          <p:nvPr/>
        </p:nvSpPr>
        <p:spPr>
          <a:xfrm>
            <a:off x="815009" y="4234070"/>
            <a:ext cx="4790661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dirty="0">
                <a:solidFill>
                  <a:schemeClr val="bg1"/>
                </a:solidFill>
              </a:rPr>
              <a:t>Teruyuki Ito</a:t>
            </a:r>
          </a:p>
          <a:p>
            <a:r>
              <a:rPr lang="en-GB" dirty="0">
                <a:solidFill>
                  <a:schemeClr val="bg1"/>
                </a:solidFill>
              </a:rPr>
              <a:t>Reporting &amp; Data Visualisation Manage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51134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D2E63A3-8E0D-9ED2-94F6-C2F44690B81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430625" y="6312875"/>
            <a:ext cx="2198275" cy="365125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GB"/>
              <a:t>Transforming Live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DAB8F3-7D11-12C9-4F82-BB33E827FE0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0584180" y="6312875"/>
            <a:ext cx="1175819" cy="365125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fld id="{C855AFFB-64D9-4FA4-905E-E079B4C44CCB}" type="slidenum">
              <a:rPr lang="en-GB" sz="1800" smtClean="0"/>
              <a:pPr>
                <a:spcAft>
                  <a:spcPts val="600"/>
                </a:spcAft>
              </a:pPr>
              <a:t>2</a:t>
            </a:fld>
            <a:r>
              <a:rPr lang="en-GB" sz="1800"/>
              <a:t>.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E711FFC-FEF6-EABD-021F-69BEF0C49D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10452484" cy="450000"/>
          </a:xfrm>
        </p:spPr>
        <p:txBody>
          <a:bodyPr anchor="t">
            <a:normAutofit/>
          </a:bodyPr>
          <a:lstStyle/>
          <a:p>
            <a:r>
              <a:rPr lang="en-GB" dirty="0"/>
              <a:t>What is Measures?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B730E8C-8C5F-2408-F74A-9F203095AC79}"/>
              </a:ext>
            </a:extLst>
          </p:cNvPr>
          <p:cNvSpPr txBox="1"/>
          <p:nvPr/>
        </p:nvSpPr>
        <p:spPr>
          <a:xfrm>
            <a:off x="623679" y="1329324"/>
            <a:ext cx="11136320" cy="415498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b="0" i="0" dirty="0">
                <a:effectLst/>
                <a:latin typeface="Segoe UI Historic" panose="020B0502040204020203" pitchFamily="34" charset="0"/>
              </a:rPr>
              <a:t>Measures are calculations used in Power BI to analyse and manipulate data dynamically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sz="2400" dirty="0">
              <a:latin typeface="Segoe UI Historic" panose="020B0502040204020203" pitchFamily="34" charset="0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b="0" i="0" dirty="0">
                <a:effectLst/>
                <a:latin typeface="Segoe UI Historic" panose="020B0502040204020203" pitchFamily="34" charset="0"/>
              </a:rPr>
              <a:t>They help in creating KPIs, dynamic calculations, and custom aggregations based on DAX (Data Analysis Expressions)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sz="2400" dirty="0">
              <a:latin typeface="Segoe UI Historic" panose="020B0502040204020203" pitchFamily="34" charset="0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b="0" i="0" dirty="0">
                <a:effectLst/>
                <a:latin typeface="Segoe UI Historic" panose="020B0502040204020203" pitchFamily="34" charset="0"/>
              </a:rPr>
              <a:t>Enhances data insights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sz="2400" dirty="0">
              <a:latin typeface="Segoe UI Historic" panose="020B0502040204020203" pitchFamily="34" charset="0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b="0" i="0" dirty="0">
                <a:effectLst/>
                <a:latin typeface="Segoe UI Historic" panose="020B0502040204020203" pitchFamily="34" charset="0"/>
              </a:rPr>
              <a:t>Enables customized calculations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sz="2400" dirty="0">
              <a:latin typeface="Segoe UI Historic" panose="020B0502040204020203" pitchFamily="34" charset="0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b="0" i="0" dirty="0">
                <a:effectLst/>
                <a:latin typeface="Segoe UI Historic" panose="020B0502040204020203" pitchFamily="34" charset="0"/>
              </a:rPr>
              <a:t>Supports dynamic visuals</a:t>
            </a:r>
            <a:endParaRPr lang="en-GB" sz="2400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8CFDD0-074F-6D9E-8020-FFD2DF5A42B8}"/>
              </a:ext>
            </a:extLst>
          </p:cNvPr>
          <p:cNvCxnSpPr/>
          <p:nvPr/>
        </p:nvCxnSpPr>
        <p:spPr>
          <a:xfrm>
            <a:off x="623679" y="2276061"/>
            <a:ext cx="10766564" cy="0"/>
          </a:xfrm>
          <a:prstGeom prst="line">
            <a:avLst/>
          </a:prstGeom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2A921B1D-D5B2-E8A5-D737-BBADD1FC3579}"/>
              </a:ext>
            </a:extLst>
          </p:cNvPr>
          <p:cNvCxnSpPr/>
          <p:nvPr/>
        </p:nvCxnSpPr>
        <p:spPr>
          <a:xfrm>
            <a:off x="623679" y="3429000"/>
            <a:ext cx="10766564" cy="0"/>
          </a:xfrm>
          <a:prstGeom prst="line">
            <a:avLst/>
          </a:prstGeom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2" name="Straight Connector 1">
            <a:extLst>
              <a:ext uri="{FF2B5EF4-FFF2-40B4-BE49-F238E27FC236}">
                <a16:creationId xmlns:a16="http://schemas.microsoft.com/office/drawing/2014/main" id="{23AD8A55-7D7C-A3B3-48C0-DFCF8CA772B0}"/>
              </a:ext>
            </a:extLst>
          </p:cNvPr>
          <p:cNvCxnSpPr/>
          <p:nvPr/>
        </p:nvCxnSpPr>
        <p:spPr>
          <a:xfrm>
            <a:off x="623679" y="4217504"/>
            <a:ext cx="10766564" cy="0"/>
          </a:xfrm>
          <a:prstGeom prst="line">
            <a:avLst/>
          </a:prstGeom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CFDF1C84-FDFA-7DA1-CB09-90BEA2313352}"/>
              </a:ext>
            </a:extLst>
          </p:cNvPr>
          <p:cNvCxnSpPr/>
          <p:nvPr/>
        </p:nvCxnSpPr>
        <p:spPr>
          <a:xfrm>
            <a:off x="623679" y="4976190"/>
            <a:ext cx="10766564" cy="0"/>
          </a:xfrm>
          <a:prstGeom prst="line">
            <a:avLst/>
          </a:prstGeom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1945318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AX Mastery: Types of Functions (Day 3) | by Data Intelligence Hub |  Microsoft Power BI | Medium">
            <a:extLst>
              <a:ext uri="{FF2B5EF4-FFF2-40B4-BE49-F238E27FC236}">
                <a16:creationId xmlns:a16="http://schemas.microsoft.com/office/drawing/2014/main" id="{0D37369A-BDF6-6556-8529-9A424491287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631994" y="1061998"/>
            <a:ext cx="5156010" cy="5040000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8B62B0BB-589F-F445-4D2B-62EC71ABA692}"/>
              </a:ext>
            </a:extLst>
          </p:cNvPr>
          <p:cNvSpPr txBox="1"/>
          <p:nvPr/>
        </p:nvSpPr>
        <p:spPr>
          <a:xfrm>
            <a:off x="6204001" y="1061998"/>
            <a:ext cx="5556001" cy="5040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</a:pPr>
            <a:r>
              <a:rPr lang="en-US" sz="2000" b="0" i="0" dirty="0">
                <a:effectLst/>
              </a:rPr>
              <a:t>DAX is a formula language designed specifically for data modeling and analysis in Power BI, Power Pivot, and Analysis Services. </a:t>
            </a:r>
          </a:p>
          <a:p>
            <a:pPr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</a:pPr>
            <a:endParaRPr lang="en-US" sz="2000" dirty="0"/>
          </a:p>
          <a:p>
            <a:pPr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</a:pPr>
            <a:r>
              <a:rPr lang="en-US" sz="2000" b="0" i="0" dirty="0">
                <a:effectLst/>
              </a:rPr>
              <a:t>Used for creating measures, calculated columns, and tables. </a:t>
            </a:r>
          </a:p>
          <a:p>
            <a:pPr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</a:pPr>
            <a:endParaRPr lang="en-US" sz="2000" dirty="0"/>
          </a:p>
          <a:p>
            <a:pPr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</a:pPr>
            <a:r>
              <a:rPr lang="en-US" sz="2000" b="0" i="0" dirty="0">
                <a:effectLst/>
              </a:rPr>
              <a:t>Basic Functions: </a:t>
            </a:r>
          </a:p>
          <a:p>
            <a:pPr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</a:pPr>
            <a:r>
              <a:rPr lang="en-US" sz="2000" b="0" i="0" dirty="0">
                <a:effectLst/>
              </a:rPr>
              <a:t>Aggregation: SUM, COUNT, AVERAGE </a:t>
            </a:r>
          </a:p>
          <a:p>
            <a:pPr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</a:pPr>
            <a:r>
              <a:rPr lang="en-US" sz="2000" b="0" i="0" dirty="0">
                <a:effectLst/>
              </a:rPr>
              <a:t>Logical: IF, AND, OR </a:t>
            </a:r>
            <a:endParaRPr lang="en-US" sz="2000" dirty="0"/>
          </a:p>
          <a:p>
            <a:pPr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</a:pPr>
            <a:r>
              <a:rPr lang="en-US" sz="2000" b="0" i="0" dirty="0">
                <a:effectLst/>
              </a:rPr>
              <a:t>Time Intelligence: YEAR, MONTH, DATEADD </a:t>
            </a:r>
          </a:p>
          <a:p>
            <a:pPr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</a:pPr>
            <a:r>
              <a:rPr lang="en-US" sz="2000" b="0" i="0" dirty="0">
                <a:effectLst/>
              </a:rPr>
              <a:t>Statistical: MEDIAN, MIN, MA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D2E63A3-8E0D-9ED2-94F6-C2F44690B81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430625" y="6312875"/>
            <a:ext cx="2198275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GB" b="1" kern="1200">
                <a:latin typeface="Avenir Next LT Pro" panose="020B0504020202020204" pitchFamily="34" charset="0"/>
                <a:ea typeface="+mn-ea"/>
                <a:cs typeface="+mn-cs"/>
              </a:rPr>
              <a:t>Transforming Live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DAB8F3-7D11-12C9-4F82-BB33E827FE0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0401300" y="6312875"/>
            <a:ext cx="1358700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fld id="{C855AFFB-64D9-4FA4-905E-E079B4C44CCB}" type="slidenum">
              <a:rPr lang="en-GB" sz="1800" smtClean="0"/>
              <a:pPr>
                <a:spcAft>
                  <a:spcPts val="600"/>
                </a:spcAft>
              </a:pPr>
              <a:t>3</a:t>
            </a:fld>
            <a:r>
              <a:rPr lang="en-GB" sz="1800"/>
              <a:t>.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E711FFC-FEF6-EABD-021F-69BEF0C49D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10452484" cy="450000"/>
          </a:xfrm>
        </p:spPr>
        <p:txBody>
          <a:bodyPr vert="horz" lIns="0" tIns="0" rIns="0" bIns="0" rtlCol="0" anchor="t">
            <a:normAutofit/>
          </a:bodyPr>
          <a:lstStyle/>
          <a:p>
            <a:r>
              <a:rPr lang="en-GB" dirty="0"/>
              <a:t>What is DAX (Data Analysis Expressions)?</a:t>
            </a:r>
          </a:p>
        </p:txBody>
      </p:sp>
    </p:spTree>
    <p:extLst>
      <p:ext uri="{BB962C8B-B14F-4D97-AF65-F5344CB8AC3E}">
        <p14:creationId xmlns:p14="http://schemas.microsoft.com/office/powerpoint/2010/main" val="161319610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076" name="Picture 4" descr="Two ways - Free arrows icons">
            <a:extLst>
              <a:ext uri="{FF2B5EF4-FFF2-40B4-BE49-F238E27FC236}">
                <a16:creationId xmlns:a16="http://schemas.microsoft.com/office/drawing/2014/main" id="{AF9F4255-3513-7DF8-7201-C833D067762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7408850" y="3408801"/>
            <a:ext cx="2798636" cy="2798636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8B62B0BB-589F-F445-4D2B-62EC71ABA692}"/>
              </a:ext>
            </a:extLst>
          </p:cNvPr>
          <p:cNvSpPr txBox="1"/>
          <p:nvPr/>
        </p:nvSpPr>
        <p:spPr>
          <a:xfrm>
            <a:off x="1053549" y="1061998"/>
            <a:ext cx="10706454" cy="5040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</a:pPr>
            <a:r>
              <a:rPr lang="en-US" sz="2400" b="0" i="0" dirty="0">
                <a:effectLst/>
              </a:rPr>
              <a:t>Explicit Measures: </a:t>
            </a:r>
          </a:p>
          <a:p>
            <a:pPr marL="18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2400" b="0" i="0" dirty="0">
                <a:effectLst/>
              </a:rPr>
              <a:t>Created by users, reusable across reports and visualizations. </a:t>
            </a:r>
          </a:p>
          <a:p>
            <a:pPr marL="18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 sz="2400" b="0" i="0" dirty="0">
              <a:effectLst/>
            </a:endParaRPr>
          </a:p>
          <a:p>
            <a:pPr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</a:pPr>
            <a:r>
              <a:rPr lang="en-US" sz="2400" b="0" i="0" dirty="0">
                <a:effectLst/>
              </a:rPr>
              <a:t>Implicit Measures: </a:t>
            </a:r>
          </a:p>
          <a:p>
            <a:pPr marL="18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sz="2400" b="0" i="0" dirty="0">
                <a:effectLst/>
              </a:rPr>
              <a:t>Automatically created by Power BI (e.g., default aggregations) when a field is used in visuals. </a:t>
            </a:r>
          </a:p>
          <a:p>
            <a:pPr marL="18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 sz="2400" dirty="0"/>
          </a:p>
          <a:p>
            <a:pPr marL="18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 sz="240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D2E63A3-8E0D-9ED2-94F6-C2F44690B81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430625" y="6312875"/>
            <a:ext cx="2198275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GB" b="1" kern="1200">
                <a:latin typeface="Avenir Next LT Pro" panose="020B0504020202020204" pitchFamily="34" charset="0"/>
                <a:ea typeface="+mn-ea"/>
                <a:cs typeface="+mn-cs"/>
              </a:rPr>
              <a:t>Transforming Live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DAB8F3-7D11-12C9-4F82-BB33E827FE0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0401300" y="6312875"/>
            <a:ext cx="1358700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fld id="{C855AFFB-64D9-4FA4-905E-E079B4C44CCB}" type="slidenum">
              <a:rPr lang="en-GB" sz="1800" smtClean="0"/>
              <a:pPr>
                <a:spcAft>
                  <a:spcPts val="600"/>
                </a:spcAft>
              </a:pPr>
              <a:t>4</a:t>
            </a:fld>
            <a:r>
              <a:rPr lang="en-GB" sz="1800"/>
              <a:t>.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E711FFC-FEF6-EABD-021F-69BEF0C49D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10452484" cy="450000"/>
          </a:xfrm>
        </p:spPr>
        <p:txBody>
          <a:bodyPr vert="horz" lIns="0" tIns="0" rIns="0" bIns="0" rtlCol="0" anchor="t">
            <a:normAutofit/>
          </a:bodyPr>
          <a:lstStyle/>
          <a:p>
            <a:r>
              <a:rPr lang="en-GB" dirty="0"/>
              <a:t>Types of Measures</a:t>
            </a:r>
          </a:p>
        </p:txBody>
      </p:sp>
    </p:spTree>
    <p:extLst>
      <p:ext uri="{BB962C8B-B14F-4D97-AF65-F5344CB8AC3E}">
        <p14:creationId xmlns:p14="http://schemas.microsoft.com/office/powerpoint/2010/main" val="54413044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D2E63A3-8E0D-9ED2-94F6-C2F44690B81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430625" y="6312875"/>
            <a:ext cx="2198275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GB" b="1" kern="1200">
                <a:latin typeface="Avenir Next LT Pro" panose="020B0504020202020204" pitchFamily="34" charset="0"/>
                <a:ea typeface="+mn-ea"/>
                <a:cs typeface="+mn-cs"/>
              </a:rPr>
              <a:t>Transforming Live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DAB8F3-7D11-12C9-4F82-BB33E827FE0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0401300" y="6312875"/>
            <a:ext cx="1358700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fld id="{C855AFFB-64D9-4FA4-905E-E079B4C44CCB}" type="slidenum">
              <a:rPr lang="en-GB" sz="1800" smtClean="0"/>
              <a:pPr>
                <a:spcAft>
                  <a:spcPts val="600"/>
                </a:spcAft>
              </a:pPr>
              <a:t>5</a:t>
            </a:fld>
            <a:r>
              <a:rPr lang="en-GB" sz="1800"/>
              <a:t>.</a:t>
            </a:r>
          </a:p>
        </p:txBody>
      </p:sp>
      <p:sp>
        <p:nvSpPr>
          <p:cNvPr id="2" name="Title 4">
            <a:extLst>
              <a:ext uri="{FF2B5EF4-FFF2-40B4-BE49-F238E27FC236}">
                <a16:creationId xmlns:a16="http://schemas.microsoft.com/office/drawing/2014/main" id="{DCECB251-8DA6-7860-01A6-9BFFFD4559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10452484" cy="450000"/>
          </a:xfrm>
        </p:spPr>
        <p:txBody>
          <a:bodyPr vert="horz" lIns="0" tIns="0" rIns="0" bIns="0" rtlCol="0" anchor="t">
            <a:normAutofit/>
          </a:bodyPr>
          <a:lstStyle/>
          <a:p>
            <a:r>
              <a:rPr lang="en-GB" dirty="0"/>
              <a:t>The main difference…</a:t>
            </a:r>
          </a:p>
        </p:txBody>
      </p:sp>
      <p:pic>
        <p:nvPicPr>
          <p:cNvPr id="2050" name="Picture 2" descr="DAX basics in a semantic model – Tabular Editor Blog">
            <a:extLst>
              <a:ext uri="{FF2B5EF4-FFF2-40B4-BE49-F238E27FC236}">
                <a16:creationId xmlns:a16="http://schemas.microsoft.com/office/drawing/2014/main" id="{9BDCABCF-FC80-A76F-EFF1-0E68478BAEA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19200" y="828675"/>
            <a:ext cx="9753600" cy="52006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95090059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098" name="Picture 2" descr="Best practice - Free business and finance icons">
            <a:extLst>
              <a:ext uri="{FF2B5EF4-FFF2-40B4-BE49-F238E27FC236}">
                <a16:creationId xmlns:a16="http://schemas.microsoft.com/office/drawing/2014/main" id="{51A9ED49-62C6-F495-9514-6CC2F50FD6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568159" y="1061999"/>
            <a:ext cx="5038764" cy="5038764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8B62B0BB-589F-F445-4D2B-62EC71ABA692}"/>
              </a:ext>
            </a:extLst>
          </p:cNvPr>
          <p:cNvSpPr txBox="1"/>
          <p:nvPr/>
        </p:nvSpPr>
        <p:spPr>
          <a:xfrm>
            <a:off x="6438002" y="1061999"/>
            <a:ext cx="5321998" cy="503876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marL="180000" indent="-180000" fontAlgn="base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b="0" i="0" dirty="0">
                <a:effectLst/>
              </a:rPr>
              <a:t>Use CALCULATE Wisely: Use it only when necessary as it can slow down calculations. </a:t>
            </a:r>
          </a:p>
          <a:p>
            <a:pPr marL="180000" indent="-180000" fontAlgn="base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 dirty="0"/>
          </a:p>
          <a:p>
            <a:pPr marL="180000" indent="-180000" fontAlgn="base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b="0" i="0" dirty="0">
                <a:effectLst/>
              </a:rPr>
              <a:t> MINIMIZE COMPLEXITY: Try not to nest functions heavily, which can lead to slower performance. Example: Simplify your formula if possible, and avoid iterative functions like SUMX if a direct SUM would suffice. </a:t>
            </a:r>
          </a:p>
          <a:p>
            <a:pPr marL="180000" indent="-180000" fontAlgn="base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 b="0" i="0" dirty="0">
              <a:effectLst/>
            </a:endParaRPr>
          </a:p>
          <a:p>
            <a:pPr marL="180000" indent="-180000" fontAlgn="base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b="0" i="0" dirty="0">
                <a:effectLst/>
              </a:rPr>
              <a:t>Naming Conventions: Use descriptive names for ease of understanding.</a:t>
            </a:r>
          </a:p>
          <a:p>
            <a:pPr marL="180000" indent="-180000" fontAlgn="base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 b="0" i="0" dirty="0">
              <a:effectLst/>
            </a:endParaRPr>
          </a:p>
          <a:p>
            <a:pPr marL="180000" indent="-180000" fontAlgn="base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b="0" i="0" dirty="0">
                <a:effectLst/>
              </a:rPr>
              <a:t>Document Calculations: Use comments in DAX if complex. </a:t>
            </a:r>
          </a:p>
          <a:p>
            <a:pPr marL="180000" indent="-180000" fontAlgn="base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 dirty="0"/>
          </a:p>
          <a:p>
            <a:pPr marL="180000" indent="-180000" fontAlgn="base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r>
              <a:rPr lang="en-US" b="0" i="0" dirty="0">
                <a:effectLst/>
              </a:rPr>
              <a:t>Create a Dedicated table for DAX measures</a:t>
            </a:r>
            <a:endParaRPr lang="en-US" dirty="0"/>
          </a:p>
          <a:p>
            <a:pPr marL="180000" indent="-180000" fontAlgn="base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Arial" panose="020B0604020202020204" pitchFamily="34" charset="0"/>
              <a:buChar char="•"/>
            </a:pP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D2E63A3-8E0D-9ED2-94F6-C2F44690B81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430625" y="6312875"/>
            <a:ext cx="2198275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GB" b="1" kern="1200">
                <a:latin typeface="Avenir Next LT Pro" panose="020B0504020202020204" pitchFamily="34" charset="0"/>
                <a:ea typeface="+mn-ea"/>
                <a:cs typeface="+mn-cs"/>
              </a:rPr>
              <a:t>Transforming Live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DAB8F3-7D11-12C9-4F82-BB33E827FE0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0401300" y="6312875"/>
            <a:ext cx="1358700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fld id="{C855AFFB-64D9-4FA4-905E-E079B4C44CCB}" type="slidenum">
              <a:rPr lang="en-GB" sz="1800" smtClean="0"/>
              <a:pPr>
                <a:spcAft>
                  <a:spcPts val="600"/>
                </a:spcAft>
              </a:pPr>
              <a:t>6</a:t>
            </a:fld>
            <a:r>
              <a:rPr lang="en-GB" sz="1800"/>
              <a:t>.</a:t>
            </a:r>
          </a:p>
        </p:txBody>
      </p:sp>
      <p:sp>
        <p:nvSpPr>
          <p:cNvPr id="2" name="Title 4">
            <a:extLst>
              <a:ext uri="{FF2B5EF4-FFF2-40B4-BE49-F238E27FC236}">
                <a16:creationId xmlns:a16="http://schemas.microsoft.com/office/drawing/2014/main" id="{DCECB251-8DA6-7860-01A6-9BFFFD4559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5311084" cy="450000"/>
          </a:xfrm>
        </p:spPr>
        <p:txBody>
          <a:bodyPr vert="horz" lIns="0" tIns="0" rIns="0" bIns="0" rtlCol="0" anchor="t">
            <a:normAutofit/>
          </a:bodyPr>
          <a:lstStyle/>
          <a:p>
            <a:r>
              <a:rPr lang="en-GB" dirty="0"/>
              <a:t>Best Practices</a:t>
            </a:r>
          </a:p>
        </p:txBody>
      </p:sp>
    </p:spTree>
    <p:extLst>
      <p:ext uri="{BB962C8B-B14F-4D97-AF65-F5344CB8AC3E}">
        <p14:creationId xmlns:p14="http://schemas.microsoft.com/office/powerpoint/2010/main" val="47260439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D2E63A3-8E0D-9ED2-94F6-C2F44690B81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430625" y="6312875"/>
            <a:ext cx="2198275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GB" b="1" kern="1200">
                <a:latin typeface="Avenir Next LT Pro" panose="020B0504020202020204" pitchFamily="34" charset="0"/>
                <a:ea typeface="+mn-ea"/>
                <a:cs typeface="+mn-cs"/>
              </a:rPr>
              <a:t>Transforming Live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DAB8F3-7D11-12C9-4F82-BB33E827FE0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0401300" y="6312875"/>
            <a:ext cx="1358700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fld id="{C855AFFB-64D9-4FA4-905E-E079B4C44CCB}" type="slidenum">
              <a:rPr lang="en-GB" sz="1800" smtClean="0"/>
              <a:pPr>
                <a:spcAft>
                  <a:spcPts val="600"/>
                </a:spcAft>
              </a:pPr>
              <a:t>7</a:t>
            </a:fld>
            <a:r>
              <a:rPr lang="en-GB" sz="1800"/>
              <a:t>.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E711FFC-FEF6-EABD-021F-69BEF0C49D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10452484" cy="450000"/>
          </a:xfrm>
        </p:spPr>
        <p:txBody>
          <a:bodyPr vert="horz" lIns="0" tIns="0" rIns="0" bIns="0" rtlCol="0" anchor="t">
            <a:normAutofit/>
          </a:bodyPr>
          <a:lstStyle/>
          <a:p>
            <a:r>
              <a:rPr lang="en-GB" dirty="0"/>
              <a:t>The structure;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32AEA17-E7BA-E1EA-67C5-3FE1E0E7D68E}"/>
              </a:ext>
            </a:extLst>
          </p:cNvPr>
          <p:cNvSpPr txBox="1"/>
          <p:nvPr/>
        </p:nvSpPr>
        <p:spPr>
          <a:xfrm>
            <a:off x="1867692" y="1695431"/>
            <a:ext cx="7932254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800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Total Profit = </a:t>
            </a:r>
            <a:r>
              <a:rPr lang="en-GB" sz="2800" b="0" dirty="0">
                <a:solidFill>
                  <a:srgbClr val="3165BB"/>
                </a:solidFill>
                <a:effectLst/>
                <a:latin typeface="Consolas" panose="020B0609020204030204" pitchFamily="49" charset="0"/>
              </a:rPr>
              <a:t>sum</a:t>
            </a:r>
            <a:r>
              <a:rPr lang="en-GB" sz="2800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(</a:t>
            </a:r>
            <a:r>
              <a:rPr lang="en-GB" sz="2800" b="0" dirty="0">
                <a:solidFill>
                  <a:srgbClr val="001080"/>
                </a:solidFill>
                <a:effectLst/>
                <a:latin typeface="Consolas" panose="020B0609020204030204" pitchFamily="49" charset="0"/>
              </a:rPr>
              <a:t>Products[Profit]</a:t>
            </a:r>
            <a:r>
              <a:rPr lang="en-GB" sz="2800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)</a:t>
            </a:r>
          </a:p>
        </p:txBody>
      </p:sp>
      <p:sp>
        <p:nvSpPr>
          <p:cNvPr id="9" name="Speech Bubble: Rectangle with Corners Rounded 8">
            <a:extLst>
              <a:ext uri="{FF2B5EF4-FFF2-40B4-BE49-F238E27FC236}">
                <a16:creationId xmlns:a16="http://schemas.microsoft.com/office/drawing/2014/main" id="{E8B19B67-BC09-70B0-5378-8A1EA9358EAB}"/>
              </a:ext>
            </a:extLst>
          </p:cNvPr>
          <p:cNvSpPr/>
          <p:nvPr/>
        </p:nvSpPr>
        <p:spPr>
          <a:xfrm>
            <a:off x="1470991" y="3450481"/>
            <a:ext cx="1749287" cy="894522"/>
          </a:xfrm>
          <a:prstGeom prst="wedgeRoundRectCallout">
            <a:avLst>
              <a:gd name="adj1" fmla="val 38926"/>
              <a:gd name="adj2" fmla="val -187500"/>
              <a:gd name="adj3" fmla="val 16667"/>
            </a:avLst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1400" b="0" i="0" dirty="0">
                <a:solidFill>
                  <a:schemeClr val="bg1"/>
                </a:solidFill>
                <a:effectLst/>
                <a:latin typeface="Studio-Feixen-Sans"/>
              </a:rPr>
              <a:t>The name of the measure or calculated column</a:t>
            </a:r>
          </a:p>
          <a:p>
            <a:pPr algn="ctr"/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0" name="Speech Bubble: Rectangle with Corners Rounded 9">
            <a:extLst>
              <a:ext uri="{FF2B5EF4-FFF2-40B4-BE49-F238E27FC236}">
                <a16:creationId xmlns:a16="http://schemas.microsoft.com/office/drawing/2014/main" id="{61DD03A1-60E8-A7E1-BAA9-C3A532216648}"/>
              </a:ext>
            </a:extLst>
          </p:cNvPr>
          <p:cNvSpPr/>
          <p:nvPr/>
        </p:nvSpPr>
        <p:spPr>
          <a:xfrm>
            <a:off x="3660913" y="3450481"/>
            <a:ext cx="1749287" cy="894522"/>
          </a:xfrm>
          <a:prstGeom prst="wedgeRoundRectCallout">
            <a:avLst>
              <a:gd name="adj1" fmla="val 38926"/>
              <a:gd name="adj2" fmla="val -187500"/>
              <a:gd name="adj3" fmla="val 16667"/>
            </a:avLst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1400" dirty="0">
                <a:solidFill>
                  <a:schemeClr val="bg1"/>
                </a:solidFill>
                <a:latin typeface="Studio-Feixen-Sans"/>
              </a:rPr>
              <a:t>DAX function</a:t>
            </a:r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1" name="Speech Bubble: Rectangle with Corners Rounded 10">
            <a:extLst>
              <a:ext uri="{FF2B5EF4-FFF2-40B4-BE49-F238E27FC236}">
                <a16:creationId xmlns:a16="http://schemas.microsoft.com/office/drawing/2014/main" id="{BA6A068C-973D-3D6E-E059-98EC5808F040}"/>
              </a:ext>
            </a:extLst>
          </p:cNvPr>
          <p:cNvSpPr/>
          <p:nvPr/>
        </p:nvSpPr>
        <p:spPr>
          <a:xfrm>
            <a:off x="5996172" y="3440542"/>
            <a:ext cx="1749287" cy="894522"/>
          </a:xfrm>
          <a:prstGeom prst="wedgeRoundRectCallout">
            <a:avLst>
              <a:gd name="adj1" fmla="val -23006"/>
              <a:gd name="adj2" fmla="val -187500"/>
              <a:gd name="adj3" fmla="val 16667"/>
            </a:avLst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1400" dirty="0">
                <a:solidFill>
                  <a:schemeClr val="bg1"/>
                </a:solidFill>
                <a:latin typeface="Studio-Feixen-Sans"/>
              </a:rPr>
              <a:t>The table</a:t>
            </a:r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2" name="Speech Bubble: Rectangle with Corners Rounded 11">
            <a:extLst>
              <a:ext uri="{FF2B5EF4-FFF2-40B4-BE49-F238E27FC236}">
                <a16:creationId xmlns:a16="http://schemas.microsoft.com/office/drawing/2014/main" id="{94AE77F9-EEF0-2972-88A7-8220EC728819}"/>
              </a:ext>
            </a:extLst>
          </p:cNvPr>
          <p:cNvSpPr/>
          <p:nvPr/>
        </p:nvSpPr>
        <p:spPr>
          <a:xfrm>
            <a:off x="8186094" y="3445648"/>
            <a:ext cx="1749287" cy="894522"/>
          </a:xfrm>
          <a:prstGeom prst="wedgeRoundRectCallout">
            <a:avLst>
              <a:gd name="adj1" fmla="val -53120"/>
              <a:gd name="adj2" fmla="val -189722"/>
              <a:gd name="adj3" fmla="val 16667"/>
            </a:avLst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1400" dirty="0">
                <a:solidFill>
                  <a:schemeClr val="bg1"/>
                </a:solidFill>
                <a:latin typeface="Studio-Feixen-Sans"/>
              </a:rPr>
              <a:t>The specific column</a:t>
            </a:r>
            <a:endParaRPr lang="en-GB" sz="14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1532921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D2E63A3-8E0D-9ED2-94F6-C2F44690B81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430625" y="6312875"/>
            <a:ext cx="2198275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GB" b="1" kern="1200">
                <a:latin typeface="Avenir Next LT Pro" panose="020B0504020202020204" pitchFamily="34" charset="0"/>
                <a:ea typeface="+mn-ea"/>
                <a:cs typeface="+mn-cs"/>
              </a:rPr>
              <a:t>Transforming Live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DAB8F3-7D11-12C9-4F82-BB33E827FE0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0401300" y="6312875"/>
            <a:ext cx="1358700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fld id="{C855AFFB-64D9-4FA4-905E-E079B4C44CCB}" type="slidenum">
              <a:rPr lang="en-GB" sz="1800" smtClean="0"/>
              <a:pPr>
                <a:spcAft>
                  <a:spcPts val="600"/>
                </a:spcAft>
              </a:pPr>
              <a:t>8</a:t>
            </a:fld>
            <a:r>
              <a:rPr lang="en-GB" sz="1800"/>
              <a:t>.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E711FFC-FEF6-EABD-021F-69BEF0C49D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10452484" cy="450000"/>
          </a:xfrm>
        </p:spPr>
        <p:txBody>
          <a:bodyPr vert="horz" lIns="0" tIns="0" rIns="0" bIns="0" rtlCol="0" anchor="t">
            <a:normAutofit/>
          </a:bodyPr>
          <a:lstStyle/>
          <a:p>
            <a:r>
              <a:rPr lang="en-GB" dirty="0"/>
              <a:t>The Big Question!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323E784D-F33F-3AB8-766A-0DD55186186A}"/>
              </a:ext>
            </a:extLst>
          </p:cNvPr>
          <p:cNvSpPr txBox="1"/>
          <p:nvPr/>
        </p:nvSpPr>
        <p:spPr>
          <a:xfrm>
            <a:off x="636105" y="2156791"/>
            <a:ext cx="10575234" cy="212365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6600" dirty="0">
                <a:solidFill>
                  <a:schemeClr val="bg2"/>
                </a:solidFill>
                <a:latin typeface="Cavolini" panose="020B0502040204020203" pitchFamily="66" charset="0"/>
                <a:cs typeface="Cavolini" panose="020B0502040204020203" pitchFamily="66" charset="0"/>
              </a:rPr>
              <a:t>To DAX or not to DAX?</a:t>
            </a:r>
          </a:p>
        </p:txBody>
      </p:sp>
    </p:spTree>
    <p:extLst>
      <p:ext uri="{BB962C8B-B14F-4D97-AF65-F5344CB8AC3E}">
        <p14:creationId xmlns:p14="http://schemas.microsoft.com/office/powerpoint/2010/main" val="382759966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D2E63A3-8E0D-9ED2-94F6-C2F44690B81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430625" y="6312875"/>
            <a:ext cx="2198275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GB" b="1" kern="1200">
                <a:latin typeface="Avenir Next LT Pro" panose="020B0504020202020204" pitchFamily="34" charset="0"/>
                <a:ea typeface="+mn-ea"/>
                <a:cs typeface="+mn-cs"/>
              </a:rPr>
              <a:t>Transforming Live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DAB8F3-7D11-12C9-4F82-BB33E827FE0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0401300" y="6312875"/>
            <a:ext cx="1358700" cy="365125"/>
          </a:xfrm>
        </p:spPr>
        <p:txBody>
          <a:bodyPr vert="horz" lIns="0" tIns="0" rIns="0" bIns="0" rtlCol="0" anchor="ctr">
            <a:normAutofit/>
          </a:bodyPr>
          <a:lstStyle/>
          <a:p>
            <a:pPr>
              <a:spcAft>
                <a:spcPts val="600"/>
              </a:spcAft>
            </a:pPr>
            <a:fld id="{C855AFFB-64D9-4FA4-905E-E079B4C44CCB}" type="slidenum">
              <a:rPr lang="en-GB" sz="1800" smtClean="0"/>
              <a:pPr>
                <a:spcAft>
                  <a:spcPts val="600"/>
                </a:spcAft>
              </a:pPr>
              <a:t>9</a:t>
            </a:fld>
            <a:r>
              <a:rPr lang="en-GB" sz="1800"/>
              <a:t>.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E711FFC-FEF6-EABD-021F-69BEF0C49D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324000"/>
            <a:ext cx="10452484" cy="450000"/>
          </a:xfrm>
        </p:spPr>
        <p:txBody>
          <a:bodyPr vert="horz" lIns="0" tIns="0" rIns="0" bIns="0" rtlCol="0" anchor="t">
            <a:normAutofit/>
          </a:bodyPr>
          <a:lstStyle/>
          <a:p>
            <a:r>
              <a:rPr lang="en-GB" dirty="0"/>
              <a:t>Exercise;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FB0B6F6-F150-0362-A2C7-5295D8B8897E}"/>
              </a:ext>
            </a:extLst>
          </p:cNvPr>
          <p:cNvSpPr txBox="1"/>
          <p:nvPr/>
        </p:nvSpPr>
        <p:spPr>
          <a:xfrm>
            <a:off x="1602270" y="1948529"/>
            <a:ext cx="9365146" cy="310854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buFont typeface="+mj-lt"/>
              <a:buAutoNum type="arabicPeriod"/>
            </a:pPr>
            <a:r>
              <a:rPr lang="en-GB" sz="2800" dirty="0">
                <a:solidFill>
                  <a:srgbClr val="2D2F31"/>
                </a:solidFill>
                <a:latin typeface="Udemy Sans"/>
              </a:rPr>
              <a:t>Total Profit</a:t>
            </a:r>
          </a:p>
          <a:p>
            <a:pPr algn="l">
              <a:buFont typeface="+mj-lt"/>
              <a:buAutoNum type="arabicPeriod"/>
            </a:pPr>
            <a:r>
              <a:rPr lang="en-GB" sz="2800" dirty="0" err="1">
                <a:solidFill>
                  <a:srgbClr val="2D2F31"/>
                </a:solidFill>
                <a:latin typeface="Udemy Sans"/>
              </a:rPr>
              <a:t>Avg</a:t>
            </a:r>
            <a:r>
              <a:rPr lang="en-GB" sz="2800" dirty="0">
                <a:solidFill>
                  <a:srgbClr val="2D2F31"/>
                </a:solidFill>
                <a:latin typeface="Udemy Sans"/>
              </a:rPr>
              <a:t> Profit </a:t>
            </a:r>
          </a:p>
          <a:p>
            <a:pPr algn="l">
              <a:buFont typeface="+mj-lt"/>
              <a:buAutoNum type="arabicPeriod"/>
            </a:pPr>
            <a:r>
              <a:rPr lang="en-GB" sz="2800" dirty="0">
                <a:solidFill>
                  <a:srgbClr val="2D2F31"/>
                </a:solidFill>
                <a:latin typeface="Udemy Sans"/>
              </a:rPr>
              <a:t> Highest Profit </a:t>
            </a:r>
          </a:p>
          <a:p>
            <a:pPr algn="l">
              <a:buFont typeface="+mj-lt"/>
              <a:buAutoNum type="arabicPeriod"/>
            </a:pPr>
            <a:r>
              <a:rPr lang="en-GB" sz="2800" dirty="0">
                <a:solidFill>
                  <a:srgbClr val="2D2F31"/>
                </a:solidFill>
                <a:latin typeface="Udemy Sans"/>
              </a:rPr>
              <a:t>Total Sales</a:t>
            </a:r>
          </a:p>
          <a:p>
            <a:pPr algn="l">
              <a:buFont typeface="+mj-lt"/>
              <a:buAutoNum type="arabicPeriod"/>
            </a:pPr>
            <a:r>
              <a:rPr lang="en-GB" sz="2800" dirty="0">
                <a:solidFill>
                  <a:srgbClr val="2D2F31"/>
                </a:solidFill>
                <a:latin typeface="Udemy Sans"/>
              </a:rPr>
              <a:t>Profit Ratio </a:t>
            </a:r>
          </a:p>
          <a:p>
            <a:pPr algn="l">
              <a:buFont typeface="+mj-lt"/>
              <a:buAutoNum type="arabicPeriod"/>
            </a:pPr>
            <a:r>
              <a:rPr lang="en-GB" sz="2800" dirty="0">
                <a:solidFill>
                  <a:srgbClr val="2D2F31"/>
                </a:solidFill>
                <a:latin typeface="Udemy Sans"/>
              </a:rPr>
              <a:t>First Order Date </a:t>
            </a:r>
          </a:p>
          <a:p>
            <a:pPr algn="l">
              <a:buFont typeface="+mj-lt"/>
              <a:buAutoNum type="arabicPeriod"/>
            </a:pPr>
            <a:r>
              <a:rPr lang="en-GB" sz="2800" dirty="0">
                <a:solidFill>
                  <a:srgbClr val="2D2F31"/>
                </a:solidFill>
                <a:latin typeface="Udemy Sans"/>
              </a:rPr>
              <a:t>Last Order Dat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3CD2AD0-4BF1-BBDD-AED0-BD2C39BA654E}"/>
              </a:ext>
            </a:extLst>
          </p:cNvPr>
          <p:cNvSpPr txBox="1"/>
          <p:nvPr/>
        </p:nvSpPr>
        <p:spPr>
          <a:xfrm>
            <a:off x="430625" y="877598"/>
            <a:ext cx="9568140" cy="95410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800" b="0" i="0" dirty="0">
                <a:solidFill>
                  <a:srgbClr val="2D2F31"/>
                </a:solidFill>
                <a:effectLst/>
                <a:latin typeface="Udemy Sans"/>
              </a:rPr>
              <a:t>Please create the following Measures in the Power BI data model from Product table;</a:t>
            </a:r>
            <a:endParaRPr lang="en-GB" sz="2800" dirty="0"/>
          </a:p>
        </p:txBody>
      </p:sp>
    </p:spTree>
    <p:extLst>
      <p:ext uri="{BB962C8B-B14F-4D97-AF65-F5344CB8AC3E}">
        <p14:creationId xmlns:p14="http://schemas.microsoft.com/office/powerpoint/2010/main" val="165559203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METRICUNIT" val="cm"/>
  <p:tag name="MASTERLEFTMARGIN" val="36.36"/>
  <p:tag name="MASTERRIGHTMARGIN" val="36.36"/>
  <p:tag name="MASTERTOPMARGIN" val="122"/>
  <p:tag name="MASTERBOTTOMMARGIN" val="122"/>
  <p:tag name="CUSTMASTERLEFTMARGIN" val="36.36"/>
  <p:tag name="CUSTMASTERRIGHTMARGIN" val="36.36"/>
  <p:tag name="CUSTMASTERTOPMARGIN" val="122"/>
  <p:tag name="CUSTMASTERBOTTOMMARGIN" val="122"/>
  <p:tag name="GUIDESAPPLIEDTO" val="2"/>
  <p:tag name="TITLETOPMARGIN" val="25.5118"/>
  <p:tag name="TITLEBOTTOMMARGIN" val="60.9449"/>
  <p:tag name="FOOTERTOPMARGIN" val="497.0768"/>
  <p:tag name="FOOTERBOTTOMMARGIN" val="525.8268"/>
  <p:tag name="MAXCOLS" val="9"/>
  <p:tag name="MAXROWS" val="6"/>
  <p:tag name="MAXGUTTERROW" val="1 cm"/>
  <p:tag name="MAXGUTTERCOL" val="1 cm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  <p:tag name="MASTERTOPMARGIN" val="122"/>
  <p:tag name="MASTERLEFTMARGIN" val="36.36"/>
  <p:tag name="MASTERRIGHTMARGIN" val="36.36"/>
  <p:tag name="MASTERBOTTOMMARGIN" val="12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COLS" val="2"/>
  <p:tag name="GUIDEROWS" val="1"/>
  <p:tag name="GUTTERCOL" val="0.6 cm"/>
  <p:tag name="GUTTERROW" val="0.6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COLS" val="1"/>
  <p:tag name="GUIDEROWS" val="1"/>
  <p:tag name="GUTTERCOL" val="0.6 cm"/>
  <p:tag name="GUTTERROW" val="0.6 cm"/>
  <p:tag name="GUIDESAPPLIEDTO" val="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COLS" val="1"/>
  <p:tag name="GUIDEROWS" val="1"/>
  <p:tag name="GUTTERCOL" val="0.6 cm"/>
  <p:tag name="GUTTERROW" val="0.6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COLS" val="1"/>
  <p:tag name="GUIDEROWS" val="1"/>
  <p:tag name="GUTTERCOL" val="0.6 cm"/>
  <p:tag name="GUTTERROW" val="0.6 cm"/>
  <p:tag name="GUIDESAPPLIEDTO" val="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COLS" val="1"/>
  <p:tag name="GUIDEROWS" val="1"/>
  <p:tag name="GUTTERCOL" val="0.6 cm"/>
  <p:tag name="GUTTERROW" val="0.6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ROWS" val="1"/>
  <p:tag name="GUTTERCOL" val="0.6 cm"/>
  <p:tag name="GUTTERROW" val="0.6 cm"/>
  <p:tag name="GUIDESAPPLIEDTO" val="2"/>
  <p:tag name="GUIDECOLS" val="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COLS" val="2"/>
  <p:tag name="GUIDEROWS" val="2"/>
  <p:tag name="GUTTERCOL" val="0.6 cm"/>
  <p:tag name="GUTTERROW" val="0.6 cm"/>
  <p:tag name="GUIDESAPPLIEDTO" val="2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COLS" val="3"/>
  <p:tag name="GUIDEROWS" val="2"/>
  <p:tag name="GUTTERCOL" val="0.6 cm"/>
  <p:tag name="GUTTERROW" val="0.6 cm"/>
  <p:tag name="GUIDESAPPLIEDTO" val="2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COLS" val="2"/>
  <p:tag name="GUIDEROWS" val="1"/>
  <p:tag name="GUTTERCOL" val="0.6 cm"/>
  <p:tag name="GUTTERROW" val="0.6 cm"/>
  <p:tag name="GUIDESAPPLIEDTO" val="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COLS" val="6"/>
  <p:tag name="GUIDEROWS" val="1"/>
  <p:tag name="GUTTERCOL" val="0.6 cm"/>
  <p:tag name="GUTTERROW" val="0.6 cm"/>
  <p:tag name="GUIDESAPPLIEDTO" val="2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COLS" val="6"/>
  <p:tag name="GUIDEROWS" val="1"/>
  <p:tag name="GUTTERCOL" val="0.6 cm"/>
  <p:tag name="GUTTERROW" val="0.6 cm"/>
  <p:tag name="GUIDESAPPLIEDTO" val="2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  <p:tag name="MASTERTOPMARGIN" val="122"/>
  <p:tag name="MASTERLEFTMARGIN" val="36.36"/>
  <p:tag name="MASTERRIGHTMARGIN" val="36.36"/>
  <p:tag name="MASTERBOTTOMMARGIN" val="122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  <p:tag name="MASTERTOPMARGIN" val="122"/>
  <p:tag name="MASTERLEFTMARGIN" val="36.36"/>
  <p:tag name="MASTERRIGHTMARGIN" val="36.36"/>
  <p:tag name="MASTERBOTTOMMARGIN" val="122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FOOTERSHAPE" val="Tru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COLS" val="1"/>
  <p:tag name="GUIDEROWS" val="1"/>
  <p:tag name="CUSTMASTERTOPMARGIN" val="83.622"/>
  <p:tag name="CUSTMASTERLEFTMARGIN" val="34.0157"/>
  <p:tag name="CUSTMASTERRIGHTMARGIN" val="34.0157"/>
  <p:tag name="CUSTMASTERBOTTOMMARGIN" val="59.5276"/>
  <p:tag name="GUTTERCOL" val="0.6 cm"/>
  <p:tag name="GUTTERROW" val="0.6 cm"/>
  <p:tag name="MASTERTOPMARGIN" val="122"/>
  <p:tag name="MASTERLEFTMARGIN" val="36.36"/>
  <p:tag name="MASTERRIGHTMARGIN" val="36.36"/>
  <p:tag name="MASTERBOTTOMMARGIN" val="12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  <p:tag name="MASTERTOPMARGIN" val="122"/>
  <p:tag name="MASTERLEFTMARGIN" val="36.36"/>
  <p:tag name="MASTERRIGHTMARGIN" val="36.36"/>
  <p:tag name="MASTERBOTTOMMARGIN" val="12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  <p:tag name="MASTERTOPMARGIN" val="122"/>
  <p:tag name="MASTERLEFTMARGIN" val="36.36"/>
  <p:tag name="MASTERRIGHTMARGIN" val="36.36"/>
  <p:tag name="MASTERBOTTOMMARGIN" val="12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83.622"/>
  <p:tag name="MASTERLEFTMARGIN" val="34.0157"/>
  <p:tag name="MASTERRIGHTMARGIN" val="34.0157"/>
  <p:tag name="MASTERBOTTOMMARGIN" val="59.5276"/>
  <p:tag name="GUIDECOLS" val="1"/>
  <p:tag name="GUIDEROWS" val="1"/>
  <p:tag name="GUTTERCOL" val="0.6 cm"/>
  <p:tag name="GUTTERROW" val="0.6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  <p:tag name="MASTERTOPMARGIN" val="122"/>
  <p:tag name="MASTERLEFTMARGIN" val="36.36"/>
  <p:tag name="MASTERRIGHTMARGIN" val="36.36"/>
  <p:tag name="MASTERBOTTOMMARGIN" val="122"/>
</p:tagLst>
</file>

<file path=ppt/theme/theme1.xml><?xml version="1.0" encoding="utf-8"?>
<a:theme xmlns:a="http://schemas.openxmlformats.org/drawingml/2006/main" name="Office Theme">
  <a:themeElements>
    <a:clrScheme name="Maximus 2022">
      <a:dk1>
        <a:srgbClr val="000000"/>
      </a:dk1>
      <a:lt1>
        <a:sysClr val="window" lastClr="FFFFFF"/>
      </a:lt1>
      <a:dk2>
        <a:srgbClr val="200649"/>
      </a:dk2>
      <a:lt2>
        <a:srgbClr val="502E91"/>
      </a:lt2>
      <a:accent1>
        <a:srgbClr val="502E91"/>
      </a:accent1>
      <a:accent2>
        <a:srgbClr val="9F7FC9"/>
      </a:accent2>
      <a:accent3>
        <a:srgbClr val="2D6732"/>
      </a:accent3>
      <a:accent4>
        <a:srgbClr val="468C40"/>
      </a:accent4>
      <a:accent5>
        <a:srgbClr val="7CBE64"/>
      </a:accent5>
      <a:accent6>
        <a:srgbClr val="3A52A4"/>
      </a:accent6>
      <a:hlink>
        <a:srgbClr val="6277B9"/>
      </a:hlink>
      <a:folHlink>
        <a:srgbClr val="954F72"/>
      </a:folHlink>
    </a:clrScheme>
    <a:fontScheme name="Maximus 2022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Maximus 16x9.potx" id="{5CD1F157-80A5-48B8-96D4-904D8A2176A2}" vid="{1E94CD62-E92B-4C97-81C2-CC7256D3BCA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PowerPoint Blank","templateDescription":"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796253944056653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16EB901A-8AC7-465D-8199-46A738F803A7}">
  <ds:schemaRefs/>
</ds:datastoreItem>
</file>

<file path=customXml/itemProps2.xml><?xml version="1.0" encoding="utf-8"?>
<ds:datastoreItem xmlns:ds="http://schemas.openxmlformats.org/officeDocument/2006/customXml" ds:itemID="{7CD0A1BA-AECB-453F-88CE-71EA9D9C85E1}">
  <ds:schemaRefs/>
</ds:datastoreItem>
</file>

<file path=customXml/itemProps3.xml><?xml version="1.0" encoding="utf-8"?>
<ds:datastoreItem xmlns:ds="http://schemas.openxmlformats.org/officeDocument/2006/customXml" ds:itemID="{B5FBB46B-4AAE-4EB1-B4DB-CCAB0259E4A3}">
  <ds:schemaRefs/>
</ds:datastoreItem>
</file>

<file path=customXml/itemProps4.xml><?xml version="1.0" encoding="utf-8"?>
<ds:datastoreItem xmlns:ds="http://schemas.openxmlformats.org/officeDocument/2006/customXml" ds:itemID="{B4D1FAD0-354E-4A44-A7BE-A6FA0637F2B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K PowerPoint Template</Template>
  <TotalTime>3336</TotalTime>
  <Words>378</Words>
  <Application>Microsoft Office PowerPoint</Application>
  <PresentationFormat>Widescreen</PresentationFormat>
  <Paragraphs>75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8" baseType="lpstr">
      <vt:lpstr>Arial</vt:lpstr>
      <vt:lpstr>Avenir Next LT Pro</vt:lpstr>
      <vt:lpstr>Calibri</vt:lpstr>
      <vt:lpstr>Cavolini</vt:lpstr>
      <vt:lpstr>Consolas</vt:lpstr>
      <vt:lpstr>Segoe UI Historic</vt:lpstr>
      <vt:lpstr>Studio-Feixen-Sans</vt:lpstr>
      <vt:lpstr>Udemy Sans</vt:lpstr>
      <vt:lpstr>Office Theme</vt:lpstr>
      <vt:lpstr>Introduction to DAX Measures</vt:lpstr>
      <vt:lpstr>What is Measures?</vt:lpstr>
      <vt:lpstr>What is DAX (Data Analysis Expressions)?</vt:lpstr>
      <vt:lpstr>Types of Measures</vt:lpstr>
      <vt:lpstr>The main difference…</vt:lpstr>
      <vt:lpstr>Best Practices</vt:lpstr>
      <vt:lpstr>The structure;</vt:lpstr>
      <vt:lpstr>The Big Question!</vt:lpstr>
      <vt:lpstr>Exercise;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i Briggs</dc:creator>
  <cp:lastModifiedBy>Teruyuki Ito</cp:lastModifiedBy>
  <cp:revision>65</cp:revision>
  <dcterms:created xsi:type="dcterms:W3CDTF">2024-04-22T15:25:02Z</dcterms:created>
  <dcterms:modified xsi:type="dcterms:W3CDTF">2024-11-18T12:40:0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1.0.4</vt:lpwstr>
  </property>
  <property fmtid="{D5CDD505-2E9C-101B-9397-08002B2CF9AE}" pid="3" name="TemplafyTimeStamp">
    <vt:lpwstr>2022-08-16T13:39:04</vt:lpwstr>
  </property>
  <property fmtid="{D5CDD505-2E9C-101B-9397-08002B2CF9AE}" pid="4" name="TemplafyTenantId">
    <vt:lpwstr>maximusuk</vt:lpwstr>
  </property>
  <property fmtid="{D5CDD505-2E9C-101B-9397-08002B2CF9AE}" pid="5" name="TemplafyTemplateId">
    <vt:lpwstr>637962539428863352</vt:lpwstr>
  </property>
  <property fmtid="{D5CDD505-2E9C-101B-9397-08002B2CF9AE}" pid="6" name="TemplafyUserProfileId">
    <vt:lpwstr>847077176358469715</vt:lpwstr>
  </property>
  <property fmtid="{D5CDD505-2E9C-101B-9397-08002B2CF9AE}" pid="7" name="TemplafyFromBlank">
    <vt:bool>true</vt:bool>
  </property>
</Properties>
</file>